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9"/>
  </p:sldMasterIdLst>
  <p:notesMasterIdLst>
    <p:notesMasterId r:id="rId15"/>
  </p:notesMasterIdLst>
  <p:handoutMasterIdLst>
    <p:handoutMasterId r:id="rId16"/>
  </p:handoutMasterIdLst>
  <p:sldIdLst>
    <p:sldId id="3276" r:id="rId10"/>
    <p:sldId id="3277" r:id="rId11"/>
    <p:sldId id="3278" r:id="rId12"/>
    <p:sldId id="3279" r:id="rId13"/>
    <p:sldId id="3242" r:id="rId14"/>
  </p:sldIdLst>
  <p:sldSz cx="12192000" cy="6858000"/>
  <p:notesSz cx="6858000" cy="9144000"/>
  <p:custDataLst>
    <p:tags r:id="rId17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4" autoAdjust="0"/>
    <p:restoredTop sz="93979" autoAdjust="0"/>
  </p:normalViewPr>
  <p:slideViewPr>
    <p:cSldViewPr snapToGrid="0" showGuides="1">
      <p:cViewPr varScale="1">
        <p:scale>
          <a:sx n="67" d="100"/>
          <a:sy n="67" d="100"/>
        </p:scale>
        <p:origin x="644" y="4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52" d="100"/>
          <a:sy n="52" d="100"/>
        </p:scale>
        <p:origin x="2680" y="6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FBC1090-A8D7-4A71-BA32-C1FEDBA7F301}" type="datetimeFigureOut">
              <a:rPr lang="en-US" smtClean="0"/>
              <a:t>5/31/2023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7FA9535-5E5F-4EA4-AE6B-943D09D5E11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78093480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31/05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128105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Smart phrase used in TE (streamlined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Still meeting w </a:t>
            </a:r>
            <a:r>
              <a:rPr lang="en-US" dirty="0" err="1"/>
              <a:t>caroly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Depending on clinical</a:t>
            </a:r>
            <a:r>
              <a:rPr lang="en-US" baseline="0" dirty="0"/>
              <a:t> assessment of baseline knowledge of pump either sent to Pump 101 or directly to N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baseline="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aseline="0" dirty="0"/>
              <a:t>Delay for people who need in person appointment for start u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baseline="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aseline="0" dirty="0"/>
              <a:t>Approval for insuranc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aseline="0" dirty="0"/>
              <a:t>Is </a:t>
            </a:r>
            <a:r>
              <a:rPr lang="en-US" baseline="0" dirty="0" err="1"/>
              <a:t>pt</a:t>
            </a:r>
            <a:r>
              <a:rPr lang="en-US" baseline="0" dirty="0"/>
              <a:t> ready for pump</a:t>
            </a:r>
            <a:r>
              <a:rPr lang="en-US" baseline="0" dirty="0">
                <a:sym typeface="Wingdings" panose="05000000000000000000" pitchFamily="2" charset="2"/>
              </a:rPr>
              <a:t> no assessments</a:t>
            </a:r>
            <a:endParaRPr lang="en-US" baseline="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0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Currently not able to follow-up in 4-6 weeks- it’s much later or only if there are problems</a:t>
            </a:r>
          </a:p>
          <a:p>
            <a:pPr lvl="1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Optimal would be 6 weeks</a:t>
            </a:r>
          </a:p>
          <a:p>
            <a:pPr lvl="1"/>
            <a:endParaRPr lang="en-US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1"/>
            <a:endParaRPr lang="en-US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1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If more medically complicated 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need to see Laura for pump visit (provider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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 Taylor 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 Carolyn, IF more needed support, see Laura)</a:t>
            </a:r>
          </a:p>
          <a:p>
            <a:pPr lvl="1"/>
            <a:endParaRPr lang="en-US" sz="1200" kern="1200" baseline="0" dirty="0">
              <a:solidFill>
                <a:schemeClr val="tx1"/>
              </a:solidFill>
              <a:effectLst/>
              <a:latin typeface="+mn-lt"/>
              <a:ea typeface="+mn-ea"/>
              <a:cs typeface="+mn-cs"/>
              <a:sym typeface="Wingdings" panose="05000000000000000000" pitchFamily="2" charset="2"/>
            </a:endParaRPr>
          </a:p>
          <a:p>
            <a:pPr lvl="1"/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Introduce </a:t>
            </a:r>
            <a:r>
              <a:rPr lang="en-US" sz="1200" kern="1200" baseline="0" dirty="0" err="1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inpen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/nutrition remediation session</a:t>
            </a:r>
          </a:p>
          <a:p>
            <a:pPr lvl="1"/>
            <a:endParaRPr lang="en-US" sz="1200" kern="1200" baseline="0" dirty="0">
              <a:solidFill>
                <a:schemeClr val="tx1"/>
              </a:solidFill>
              <a:effectLst/>
              <a:latin typeface="+mn-lt"/>
              <a:ea typeface="+mn-ea"/>
              <a:cs typeface="+mn-cs"/>
              <a:sym typeface="Wingdings" panose="05000000000000000000" pitchFamily="2" charset="2"/>
            </a:endParaRPr>
          </a:p>
          <a:p>
            <a:pPr lvl="1"/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Approved to start pump  Deirdre gets involved if need insurance switch  (i.e., basic </a:t>
            </a:r>
            <a:r>
              <a:rPr lang="en-US" sz="1200" kern="1200" baseline="0" dirty="0" err="1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medicare</a:t>
            </a:r>
            <a:r>
              <a:rPr lang="en-US" sz="120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 </a:t>
            </a:r>
            <a:r>
              <a:rPr lang="en-US" sz="1200" kern="1200" baseline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sym typeface="Wingdings" panose="05000000000000000000" pitchFamily="2" charset="2"/>
              </a:rPr>
              <a:t>to supplemental)</a:t>
            </a:r>
            <a:endParaRPr lang="en-US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7638158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DME vs local pharmacy requirements</a:t>
            </a:r>
          </a:p>
          <a:p>
            <a:endParaRPr lang="en-US" dirty="0"/>
          </a:p>
          <a:p>
            <a:r>
              <a:rPr lang="en-US" dirty="0"/>
              <a:t>From approval: </a:t>
            </a:r>
            <a:r>
              <a:rPr lang="en-US" dirty="0" err="1"/>
              <a:t>pt</a:t>
            </a:r>
            <a:r>
              <a:rPr lang="en-US" dirty="0"/>
              <a:t> provided training (their preference) </a:t>
            </a:r>
            <a:r>
              <a:rPr lang="en-US" dirty="0" err="1"/>
              <a:t>Dexcom</a:t>
            </a:r>
            <a:r>
              <a:rPr lang="en-US" dirty="0"/>
              <a:t>/</a:t>
            </a:r>
            <a:r>
              <a:rPr lang="en-US" dirty="0" err="1"/>
              <a:t>Libre</a:t>
            </a:r>
            <a:r>
              <a:rPr lang="en-US" dirty="0"/>
              <a:t> by RN</a:t>
            </a:r>
          </a:p>
          <a:p>
            <a:endParaRPr lang="en-US" dirty="0"/>
          </a:p>
          <a:p>
            <a:r>
              <a:rPr lang="en-US" dirty="0"/>
              <a:t>Given sample not all supplies, put in </a:t>
            </a:r>
            <a:r>
              <a:rPr lang="en-US" dirty="0" err="1"/>
              <a:t>rx</a:t>
            </a:r>
            <a:r>
              <a:rPr lang="en-US" dirty="0"/>
              <a:t> to pharmacy</a:t>
            </a:r>
            <a:r>
              <a:rPr lang="en-US" baseline="0" dirty="0"/>
              <a:t> (scheduled RN demo)</a:t>
            </a:r>
          </a:p>
          <a:p>
            <a:r>
              <a:rPr lang="en-US" baseline="0" dirty="0"/>
              <a:t>Ensure that insurance will approve</a:t>
            </a:r>
          </a:p>
          <a:p>
            <a:endParaRPr lang="en-US" baseline="0" dirty="0"/>
          </a:p>
          <a:p>
            <a:r>
              <a:rPr lang="en-US" baseline="0" dirty="0"/>
              <a:t>Denial- new </a:t>
            </a:r>
            <a:r>
              <a:rPr lang="en-US" baseline="0" dirty="0" err="1"/>
              <a:t>medicare</a:t>
            </a:r>
            <a:r>
              <a:rPr lang="en-US" baseline="0" dirty="0"/>
              <a:t> guidelines, once daily insulin or level2/3 hypo event</a:t>
            </a:r>
          </a:p>
          <a:p>
            <a:endParaRPr lang="en-US" baseline="0" dirty="0"/>
          </a:p>
          <a:p>
            <a:r>
              <a:rPr lang="en-US" baseline="0" dirty="0"/>
              <a:t>Script issue at local pharmacy, run out of supplies, forget to call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876478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**Denial is a two part system;</a:t>
            </a:r>
          </a:p>
          <a:p>
            <a:r>
              <a:rPr lang="en-US" baseline="0" dirty="0"/>
              <a:t> **provider will not know that </a:t>
            </a:r>
            <a:r>
              <a:rPr lang="en-US" baseline="0" dirty="0" err="1"/>
              <a:t>pt</a:t>
            </a:r>
            <a:r>
              <a:rPr lang="en-US" baseline="0" dirty="0"/>
              <a:t> was denied for cartridges until next POC</a:t>
            </a:r>
            <a:endParaRPr lang="en-US" dirty="0"/>
          </a:p>
          <a:p>
            <a:r>
              <a:rPr lang="en-US" dirty="0"/>
              <a:t>Provider</a:t>
            </a:r>
            <a:r>
              <a:rPr lang="en-US" baseline="0" dirty="0"/>
              <a:t> does not know that </a:t>
            </a:r>
            <a:r>
              <a:rPr lang="en-US" baseline="0" dirty="0" err="1"/>
              <a:t>pt</a:t>
            </a:r>
            <a:r>
              <a:rPr lang="en-US" baseline="0" dirty="0"/>
              <a:t> does not have cartridges, only </a:t>
            </a:r>
            <a:r>
              <a:rPr lang="en-US" baseline="0" dirty="0" err="1"/>
              <a:t>inpen</a:t>
            </a:r>
            <a:r>
              <a:rPr lang="en-US" baseline="0" dirty="0"/>
              <a:t> until next </a:t>
            </a:r>
            <a:r>
              <a:rPr lang="en-US" baseline="0" dirty="0" err="1"/>
              <a:t>appt</a:t>
            </a:r>
            <a:endParaRPr lang="en-US" dirty="0"/>
          </a:p>
          <a:p>
            <a:r>
              <a:rPr lang="en-US" dirty="0"/>
              <a:t>Flat</a:t>
            </a:r>
            <a:r>
              <a:rPr lang="en-US" baseline="0" dirty="0"/>
              <a:t> 35$ copay for approval at Medtronic spec pharm</a:t>
            </a:r>
          </a:p>
          <a:p>
            <a:endParaRPr lang="en-US" baseline="0" dirty="0"/>
          </a:p>
          <a:p>
            <a:r>
              <a:rPr lang="en-US" baseline="0" dirty="0"/>
              <a:t>Medtronic has no involvement in cartridge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0847974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8470CD4-B29B-1847-9ED9-8C0CAA5D477B}" type="datetime1">
              <a:rPr lang="en-US" smtClean="0"/>
              <a:t>5/3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159272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4" Type="http://schemas.openxmlformats.org/officeDocument/2006/relationships/image" Target="../media/image8.pn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tx2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31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6802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8504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pic>
        <p:nvPicPr>
          <p:cNvPr id="1075133346" name="Picture 7" descr="{&quot;templafy&quot;:{&quot;id&quot;:&quot;30901234-f399-4a94-9bd1-5eabdf747fc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0799" y="699175"/>
            <a:ext cx="4322438" cy="7254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5b4eea74-9d13-4e44-9b2c-0f08819b6c97&quot;}}">
            <a:extLst>
              <a:ext uri="{FF2B5EF4-FFF2-40B4-BE49-F238E27FC236}">
                <a16:creationId xmlns:a16="http://schemas.microsoft.com/office/drawing/2014/main" id="{F9DD6C23-C8F9-1547-9614-BEBD6DAFD0D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190054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2a703fa-8259-4557-962d-ab582f2249cc&quot;}}">
            <a:extLst>
              <a:ext uri="{FF2B5EF4-FFF2-40B4-BE49-F238E27FC236}">
                <a16:creationId xmlns:a16="http://schemas.microsoft.com/office/drawing/2014/main" id="{EBCD5668-E220-BAC0-653D-1464F201089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56027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chemeClr val="accent4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78e4b136-0ecb-418f-b7bb-760dc4515bda&quot;}}">
            <a:extLst>
              <a:ext uri="{FF2B5EF4-FFF2-40B4-BE49-F238E27FC236}">
                <a16:creationId xmlns:a16="http://schemas.microsoft.com/office/drawing/2014/main" id="{91EF78B0-9F03-F314-B042-2A9C780D80D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388349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B530299-CA6B-4E8C-BCCE-DD62263A5EED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6101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83007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D54B0AC-EFAA-1FCE-1F40-2E60B6B670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5974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A6DD9D7-320B-688A-C7E1-3A0DA32461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76193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B0A5DFB-6244-4115-A7AB-7C97339F6AD2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8937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1297066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07056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31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14908128" name="Picture 5" descr="{&quot;templafy&quot;:{&quot;id&quot;:&quot;727798fb-93ec-4ae5-a5bd-5308d7c4066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55487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740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3306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611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251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047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f6daa306-ad96-40f4-82cd-fef5cf89adf4&quot;}}">
            <a:extLst>
              <a:ext uri="{FF2B5EF4-FFF2-40B4-BE49-F238E27FC236}">
                <a16:creationId xmlns:a16="http://schemas.microsoft.com/office/drawing/2014/main" id="{1730DDFB-184E-CE5B-13B1-2A6F3A06ACE8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564629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51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Footers" descr="{&quot;templafy&quot;:{&quot;id&quot;:&quot;fe8e1a07-4725-46e9-b27d-111515b6a4b0&quot;}}">
            <a:extLst>
              <a:ext uri="{FF2B5EF4-FFF2-40B4-BE49-F238E27FC236}">
                <a16:creationId xmlns:a16="http://schemas.microsoft.com/office/drawing/2014/main" id="{F9EC4DD8-B03D-E94C-E682-0A9B26DCBF8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4092619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AEBF58B4-61FE-4B6E-9387-39B058629E66}" type="datetime4">
              <a:rPr lang="en-US" noProof="0" smtClean="0"/>
              <a:t>May 31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14611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97282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047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27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08479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18288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286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sp>
        <p:nvSpPr>
          <p:cNvPr id="5" name="Footers" descr="{&quot;templafy&quot;:{&quot;id&quot;:&quot;802c32aa-2e79-485b-8fd7-9e826bb7a9c4&quot;}}">
            <a:extLst>
              <a:ext uri="{FF2B5EF4-FFF2-40B4-BE49-F238E27FC236}">
                <a16:creationId xmlns:a16="http://schemas.microsoft.com/office/drawing/2014/main" id="{EDC4708C-CD54-B7F2-D805-7C44F6F2B07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79422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0" y="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494102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31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37974633" name="Picture 5" descr="{&quot;templafy&quot;:{&quot;id&quot;:&quot;539ce546-0ecd-4010-9fa9-987f56adaa2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448192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470649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0" y="5566321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411FCB7A-8CF2-FF56-27FD-1990B8CFF15A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th not be shared with external groups.</a:t>
            </a:r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Footers" descr="{&quot;templafy&quot;:{&quot;id&quot;:&quot;13974de5-8cef-4d59-abfb-72071ca5e6dc&quot;}}">
            <a:extLst>
              <a:ext uri="{FF2B5EF4-FFF2-40B4-BE49-F238E27FC236}">
                <a16:creationId xmlns:a16="http://schemas.microsoft.com/office/drawing/2014/main" id="{82A8297C-CDDC-2966-C397-33725EE8D10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890766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570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7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1797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  <a:endParaRPr lang="en-GB" dirty="0"/>
          </a:p>
        </p:txBody>
      </p:sp>
      <p:sp>
        <p:nvSpPr>
          <p:cNvPr id="6" name="Footers" descr="{&quot;templafy&quot;:{&quot;id&quot;:&quot;4708fec4-619c-41a6-a13a-61ee0ada3da4&quot;}}">
            <a:extLst>
              <a:ext uri="{FF2B5EF4-FFF2-40B4-BE49-F238E27FC236}">
                <a16:creationId xmlns:a16="http://schemas.microsoft.com/office/drawing/2014/main" id="{D09B7859-4BFA-0D77-C7FF-EF07F041045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646066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3967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5" name="Footers" descr="{&quot;templafy&quot;:{&quot;id&quot;:&quot;9f113c1b-1e68-4d5d-9404-b1c9682e1dc7&quot;}}">
            <a:extLst>
              <a:ext uri="{FF2B5EF4-FFF2-40B4-BE49-F238E27FC236}">
                <a16:creationId xmlns:a16="http://schemas.microsoft.com/office/drawing/2014/main" id="{E089BA30-0544-BB92-B27F-1E09FDA031B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169617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F85D50D-0CD8-D2EA-90C7-9BFF908C9B0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23060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 userDrawn="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956131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3" name="Footers" descr="{&quot;templafy&quot;:{&quot;id&quot;:&quot;4aaff1e3-4aeb-4ab6-970c-e6644a7151c2&quot;}}">
            <a:extLst>
              <a:ext uri="{FF2B5EF4-FFF2-40B4-BE49-F238E27FC236}">
                <a16:creationId xmlns:a16="http://schemas.microsoft.com/office/drawing/2014/main" id="{2AA3E128-5B68-28FB-4891-492AE777546C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28761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434325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Footers" descr="{&quot;templafy&quot;:{&quot;id&quot;:&quot;5701762b-2ddd-415c-9f10-2849eeb3ef06&quot;}}">
            <a:extLst>
              <a:ext uri="{FF2B5EF4-FFF2-40B4-BE49-F238E27FC236}">
                <a16:creationId xmlns:a16="http://schemas.microsoft.com/office/drawing/2014/main" id="{E437CE73-48A8-6501-39C1-A1E43A2B917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2139860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8" name="Footers" descr="{&quot;templafy&quot;:{&quot;id&quot;:&quot;6f27a5ea-5194-4474-8f5a-b0c8f65deb8e&quot;}}">
            <a:extLst>
              <a:ext uri="{FF2B5EF4-FFF2-40B4-BE49-F238E27FC236}">
                <a16:creationId xmlns:a16="http://schemas.microsoft.com/office/drawing/2014/main" id="{6D57E22F-014A-FDF5-8749-C999CC6D20A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69888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791522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374355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133380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37bf3a59-c3d7-4ee6-b549-ac5503095b71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9846390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02925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2226A66-5DC3-953F-2B42-68A9AAEE705B}"/>
              </a:ext>
            </a:extLst>
          </p:cNvPr>
          <p:cNvGrpSpPr/>
          <p:nvPr userDrawn="1"/>
        </p:nvGrpSpPr>
        <p:grpSpPr>
          <a:xfrm>
            <a:off x="4724397" y="3211027"/>
            <a:ext cx="2743202" cy="435946"/>
            <a:chOff x="728662" y="709353"/>
            <a:chExt cx="2743202" cy="435946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C344384E-4AF3-B4A4-F189-409E7C8A041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86053"/>
            <a:stretch/>
          </p:blipFill>
          <p:spPr>
            <a:xfrm>
              <a:off x="728662" y="709353"/>
              <a:ext cx="381588" cy="435946"/>
            </a:xfrm>
            <a:prstGeom prst="rect">
              <a:avLst/>
            </a:prstGeom>
          </p:spPr>
        </p:pic>
        <p:sp>
          <p:nvSpPr>
            <p:cNvPr id="5" name="Freeform 33">
              <a:extLst>
                <a:ext uri="{FF2B5EF4-FFF2-40B4-BE49-F238E27FC236}">
                  <a16:creationId xmlns:a16="http://schemas.microsoft.com/office/drawing/2014/main" id="{0DE36B48-2DFA-C617-11D3-E6301B89EA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222376" y="709353"/>
              <a:ext cx="2249488" cy="295275"/>
            </a:xfrm>
            <a:custGeom>
              <a:avLst/>
              <a:gdLst>
                <a:gd name="T0" fmla="*/ 3918 w 3977"/>
                <a:gd name="T1" fmla="*/ 318 h 515"/>
                <a:gd name="T2" fmla="*/ 3977 w 3977"/>
                <a:gd name="T3" fmla="*/ 433 h 515"/>
                <a:gd name="T4" fmla="*/ 3973 w 3977"/>
                <a:gd name="T5" fmla="*/ 332 h 515"/>
                <a:gd name="T6" fmla="*/ 3688 w 3977"/>
                <a:gd name="T7" fmla="*/ 493 h 515"/>
                <a:gd name="T8" fmla="*/ 3585 w 3977"/>
                <a:gd name="T9" fmla="*/ 308 h 515"/>
                <a:gd name="T10" fmla="*/ 3488 w 3977"/>
                <a:gd name="T11" fmla="*/ 507 h 515"/>
                <a:gd name="T12" fmla="*/ 3337 w 3977"/>
                <a:gd name="T13" fmla="*/ 235 h 515"/>
                <a:gd name="T14" fmla="*/ 3543 w 3977"/>
                <a:gd name="T15" fmla="*/ 212 h 515"/>
                <a:gd name="T16" fmla="*/ 3280 w 3977"/>
                <a:gd name="T17" fmla="*/ 99 h 515"/>
                <a:gd name="T18" fmla="*/ 3280 w 3977"/>
                <a:gd name="T19" fmla="*/ 99 h 515"/>
                <a:gd name="T20" fmla="*/ 3163 w 3977"/>
                <a:gd name="T21" fmla="*/ 507 h 515"/>
                <a:gd name="T22" fmla="*/ 3163 w 3977"/>
                <a:gd name="T23" fmla="*/ 221 h 515"/>
                <a:gd name="T24" fmla="*/ 2812 w 3977"/>
                <a:gd name="T25" fmla="*/ 99 h 515"/>
                <a:gd name="T26" fmla="*/ 2812 w 3977"/>
                <a:gd name="T27" fmla="*/ 99 h 515"/>
                <a:gd name="T28" fmla="*/ 2852 w 3977"/>
                <a:gd name="T29" fmla="*/ 507 h 515"/>
                <a:gd name="T30" fmla="*/ 2695 w 3977"/>
                <a:gd name="T31" fmla="*/ 235 h 515"/>
                <a:gd name="T32" fmla="*/ 2804 w 3977"/>
                <a:gd name="T33" fmla="*/ 453 h 515"/>
                <a:gd name="T34" fmla="*/ 2521 w 3977"/>
                <a:gd name="T35" fmla="*/ 494 h 515"/>
                <a:gd name="T36" fmla="*/ 2621 w 3977"/>
                <a:gd name="T37" fmla="*/ 451 h 515"/>
                <a:gd name="T38" fmla="*/ 2470 w 3977"/>
                <a:gd name="T39" fmla="*/ 212 h 515"/>
                <a:gd name="T40" fmla="*/ 2512 w 3977"/>
                <a:gd name="T41" fmla="*/ 9 h 515"/>
                <a:gd name="T42" fmla="*/ 2236 w 3977"/>
                <a:gd name="T43" fmla="*/ 318 h 515"/>
                <a:gd name="T44" fmla="*/ 2236 w 3977"/>
                <a:gd name="T45" fmla="*/ 318 h 515"/>
                <a:gd name="T46" fmla="*/ 2295 w 3977"/>
                <a:gd name="T47" fmla="*/ 454 h 515"/>
                <a:gd name="T48" fmla="*/ 2080 w 3977"/>
                <a:gd name="T49" fmla="*/ 332 h 515"/>
                <a:gd name="T50" fmla="*/ 1949 w 3977"/>
                <a:gd name="T51" fmla="*/ 414 h 515"/>
                <a:gd name="T52" fmla="*/ 1887 w 3977"/>
                <a:gd name="T53" fmla="*/ 423 h 515"/>
                <a:gd name="T54" fmla="*/ 1537 w 3977"/>
                <a:gd name="T55" fmla="*/ 124 h 515"/>
                <a:gd name="T56" fmla="*/ 1426 w 3977"/>
                <a:gd name="T57" fmla="*/ 507 h 515"/>
                <a:gd name="T58" fmla="*/ 1453 w 3977"/>
                <a:gd name="T59" fmla="*/ 44 h 515"/>
                <a:gd name="T60" fmla="*/ 1977 w 3977"/>
                <a:gd name="T61" fmla="*/ 57 h 515"/>
                <a:gd name="T62" fmla="*/ 1342 w 3977"/>
                <a:gd name="T63" fmla="*/ 507 h 515"/>
                <a:gd name="T64" fmla="*/ 1175 w 3977"/>
                <a:gd name="T65" fmla="*/ 242 h 515"/>
                <a:gd name="T66" fmla="*/ 991 w 3977"/>
                <a:gd name="T67" fmla="*/ 507 h 515"/>
                <a:gd name="T68" fmla="*/ 991 w 3977"/>
                <a:gd name="T69" fmla="*/ 221 h 515"/>
                <a:gd name="T70" fmla="*/ 1294 w 3977"/>
                <a:gd name="T71" fmla="*/ 315 h 515"/>
                <a:gd name="T72" fmla="*/ 978 w 3977"/>
                <a:gd name="T73" fmla="*/ 493 h 515"/>
                <a:gd name="T74" fmla="*/ 875 w 3977"/>
                <a:gd name="T75" fmla="*/ 308 h 515"/>
                <a:gd name="T76" fmla="*/ 778 w 3977"/>
                <a:gd name="T77" fmla="*/ 507 h 515"/>
                <a:gd name="T78" fmla="*/ 627 w 3977"/>
                <a:gd name="T79" fmla="*/ 235 h 515"/>
                <a:gd name="T80" fmla="*/ 833 w 3977"/>
                <a:gd name="T81" fmla="*/ 212 h 515"/>
                <a:gd name="T82" fmla="*/ 552 w 3977"/>
                <a:gd name="T83" fmla="*/ 318 h 515"/>
                <a:gd name="T84" fmla="*/ 396 w 3977"/>
                <a:gd name="T85" fmla="*/ 332 h 515"/>
                <a:gd name="T86" fmla="*/ 493 w 3977"/>
                <a:gd name="T87" fmla="*/ 515 h 515"/>
                <a:gd name="T88" fmla="*/ 396 w 3977"/>
                <a:gd name="T89" fmla="*/ 332 h 515"/>
                <a:gd name="T90" fmla="*/ 172 w 3977"/>
                <a:gd name="T91" fmla="*/ 61 h 515"/>
                <a:gd name="T92" fmla="*/ 114 w 3977"/>
                <a:gd name="T93" fmla="*/ 419 h 515"/>
                <a:gd name="T94" fmla="*/ 53 w 3977"/>
                <a:gd name="T95" fmla="*/ 421 h 515"/>
                <a:gd name="T96" fmla="*/ 349 w 3977"/>
                <a:gd name="T97" fmla="*/ 175 h 515"/>
                <a:gd name="T98" fmla="*/ 3135 w 3977"/>
                <a:gd name="T99" fmla="*/ 313 h 515"/>
                <a:gd name="T100" fmla="*/ 3036 w 3977"/>
                <a:gd name="T101" fmla="*/ 491 h 515"/>
                <a:gd name="T102" fmla="*/ 3021 w 3977"/>
                <a:gd name="T103" fmla="*/ 212 h 5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3977" h="515">
                  <a:moveTo>
                    <a:pt x="3918" y="318"/>
                  </a:moveTo>
                  <a:lnTo>
                    <a:pt x="3918" y="318"/>
                  </a:lnTo>
                  <a:cubicBezTo>
                    <a:pt x="3921" y="255"/>
                    <a:pt x="3878" y="229"/>
                    <a:pt x="3842" y="229"/>
                  </a:cubicBezTo>
                  <a:cubicBezTo>
                    <a:pt x="3794" y="229"/>
                    <a:pt x="3766" y="265"/>
                    <a:pt x="3762" y="318"/>
                  </a:cubicBezTo>
                  <a:lnTo>
                    <a:pt x="3918" y="318"/>
                  </a:lnTo>
                  <a:lnTo>
                    <a:pt x="3918" y="318"/>
                  </a:lnTo>
                  <a:close/>
                  <a:moveTo>
                    <a:pt x="3762" y="332"/>
                  </a:moveTo>
                  <a:lnTo>
                    <a:pt x="3762" y="332"/>
                  </a:lnTo>
                  <a:cubicBezTo>
                    <a:pt x="3761" y="461"/>
                    <a:pt x="3838" y="493"/>
                    <a:pt x="3876" y="493"/>
                  </a:cubicBezTo>
                  <a:cubicBezTo>
                    <a:pt x="3916" y="493"/>
                    <a:pt x="3936" y="479"/>
                    <a:pt x="3977" y="433"/>
                  </a:cubicBezTo>
                  <a:lnTo>
                    <a:pt x="3977" y="454"/>
                  </a:lnTo>
                  <a:cubicBezTo>
                    <a:pt x="3943" y="498"/>
                    <a:pt x="3909" y="515"/>
                    <a:pt x="3859" y="515"/>
                  </a:cubicBezTo>
                  <a:cubicBezTo>
                    <a:pt x="3770" y="515"/>
                    <a:pt x="3705" y="453"/>
                    <a:pt x="3705" y="367"/>
                  </a:cubicBezTo>
                  <a:cubicBezTo>
                    <a:pt x="3705" y="280"/>
                    <a:pt x="3768" y="212"/>
                    <a:pt x="3849" y="212"/>
                  </a:cubicBezTo>
                  <a:cubicBezTo>
                    <a:pt x="3915" y="212"/>
                    <a:pt x="3977" y="266"/>
                    <a:pt x="3973" y="332"/>
                  </a:cubicBezTo>
                  <a:lnTo>
                    <a:pt x="3762" y="332"/>
                  </a:lnTo>
                  <a:lnTo>
                    <a:pt x="3762" y="332"/>
                  </a:lnTo>
                  <a:close/>
                  <a:moveTo>
                    <a:pt x="3640" y="444"/>
                  </a:moveTo>
                  <a:lnTo>
                    <a:pt x="3640" y="444"/>
                  </a:lnTo>
                  <a:cubicBezTo>
                    <a:pt x="3640" y="482"/>
                    <a:pt x="3648" y="493"/>
                    <a:pt x="3688" y="493"/>
                  </a:cubicBezTo>
                  <a:lnTo>
                    <a:pt x="3688" y="507"/>
                  </a:lnTo>
                  <a:lnTo>
                    <a:pt x="3536" y="507"/>
                  </a:lnTo>
                  <a:lnTo>
                    <a:pt x="3536" y="493"/>
                  </a:lnTo>
                  <a:cubicBezTo>
                    <a:pt x="3574" y="493"/>
                    <a:pt x="3585" y="484"/>
                    <a:pt x="3585" y="457"/>
                  </a:cubicBezTo>
                  <a:lnTo>
                    <a:pt x="3585" y="308"/>
                  </a:lnTo>
                  <a:cubicBezTo>
                    <a:pt x="3585" y="262"/>
                    <a:pt x="3552" y="242"/>
                    <a:pt x="3521" y="242"/>
                  </a:cubicBezTo>
                  <a:cubicBezTo>
                    <a:pt x="3493" y="242"/>
                    <a:pt x="3468" y="260"/>
                    <a:pt x="3439" y="298"/>
                  </a:cubicBezTo>
                  <a:lnTo>
                    <a:pt x="3439" y="438"/>
                  </a:lnTo>
                  <a:cubicBezTo>
                    <a:pt x="3439" y="482"/>
                    <a:pt x="3445" y="493"/>
                    <a:pt x="3488" y="493"/>
                  </a:cubicBezTo>
                  <a:lnTo>
                    <a:pt x="3488" y="507"/>
                  </a:lnTo>
                  <a:lnTo>
                    <a:pt x="3337" y="507"/>
                  </a:lnTo>
                  <a:lnTo>
                    <a:pt x="3337" y="493"/>
                  </a:lnTo>
                  <a:cubicBezTo>
                    <a:pt x="3375" y="493"/>
                    <a:pt x="3385" y="490"/>
                    <a:pt x="3385" y="438"/>
                  </a:cubicBezTo>
                  <a:lnTo>
                    <a:pt x="3385" y="277"/>
                  </a:lnTo>
                  <a:cubicBezTo>
                    <a:pt x="3385" y="242"/>
                    <a:pt x="3376" y="235"/>
                    <a:pt x="3337" y="235"/>
                  </a:cubicBezTo>
                  <a:lnTo>
                    <a:pt x="3337" y="221"/>
                  </a:lnTo>
                  <a:lnTo>
                    <a:pt x="3426" y="212"/>
                  </a:lnTo>
                  <a:lnTo>
                    <a:pt x="3439" y="212"/>
                  </a:lnTo>
                  <a:lnTo>
                    <a:pt x="3439" y="270"/>
                  </a:lnTo>
                  <a:cubicBezTo>
                    <a:pt x="3473" y="231"/>
                    <a:pt x="3507" y="212"/>
                    <a:pt x="3543" y="212"/>
                  </a:cubicBezTo>
                  <a:cubicBezTo>
                    <a:pt x="3591" y="212"/>
                    <a:pt x="3640" y="246"/>
                    <a:pt x="3640" y="315"/>
                  </a:cubicBezTo>
                  <a:lnTo>
                    <a:pt x="3640" y="444"/>
                  </a:lnTo>
                  <a:lnTo>
                    <a:pt x="3640" y="444"/>
                  </a:lnTo>
                  <a:close/>
                  <a:moveTo>
                    <a:pt x="3280" y="99"/>
                  </a:moveTo>
                  <a:lnTo>
                    <a:pt x="3280" y="99"/>
                  </a:lnTo>
                  <a:cubicBezTo>
                    <a:pt x="3280" y="119"/>
                    <a:pt x="3265" y="135"/>
                    <a:pt x="3245" y="135"/>
                  </a:cubicBezTo>
                  <a:cubicBezTo>
                    <a:pt x="3226" y="135"/>
                    <a:pt x="3210" y="119"/>
                    <a:pt x="3210" y="99"/>
                  </a:cubicBezTo>
                  <a:cubicBezTo>
                    <a:pt x="3210" y="80"/>
                    <a:pt x="3226" y="65"/>
                    <a:pt x="3245" y="65"/>
                  </a:cubicBezTo>
                  <a:cubicBezTo>
                    <a:pt x="3265" y="65"/>
                    <a:pt x="3280" y="80"/>
                    <a:pt x="3280" y="99"/>
                  </a:cubicBezTo>
                  <a:lnTo>
                    <a:pt x="3280" y="99"/>
                  </a:lnTo>
                  <a:close/>
                  <a:moveTo>
                    <a:pt x="3272" y="453"/>
                  </a:moveTo>
                  <a:lnTo>
                    <a:pt x="3272" y="453"/>
                  </a:lnTo>
                  <a:cubicBezTo>
                    <a:pt x="3272" y="482"/>
                    <a:pt x="3279" y="493"/>
                    <a:pt x="3320" y="493"/>
                  </a:cubicBezTo>
                  <a:lnTo>
                    <a:pt x="3320" y="507"/>
                  </a:lnTo>
                  <a:lnTo>
                    <a:pt x="3163" y="507"/>
                  </a:lnTo>
                  <a:lnTo>
                    <a:pt x="3163" y="493"/>
                  </a:lnTo>
                  <a:cubicBezTo>
                    <a:pt x="3207" y="493"/>
                    <a:pt x="3217" y="487"/>
                    <a:pt x="3217" y="453"/>
                  </a:cubicBezTo>
                  <a:lnTo>
                    <a:pt x="3217" y="278"/>
                  </a:lnTo>
                  <a:cubicBezTo>
                    <a:pt x="3217" y="238"/>
                    <a:pt x="3205" y="235"/>
                    <a:pt x="3163" y="235"/>
                  </a:cubicBezTo>
                  <a:lnTo>
                    <a:pt x="3163" y="221"/>
                  </a:lnTo>
                  <a:lnTo>
                    <a:pt x="3258" y="212"/>
                  </a:lnTo>
                  <a:lnTo>
                    <a:pt x="3272" y="212"/>
                  </a:lnTo>
                  <a:lnTo>
                    <a:pt x="3272" y="453"/>
                  </a:lnTo>
                  <a:lnTo>
                    <a:pt x="3272" y="453"/>
                  </a:lnTo>
                  <a:close/>
                  <a:moveTo>
                    <a:pt x="2812" y="99"/>
                  </a:moveTo>
                  <a:lnTo>
                    <a:pt x="2812" y="99"/>
                  </a:lnTo>
                  <a:cubicBezTo>
                    <a:pt x="2812" y="119"/>
                    <a:pt x="2797" y="135"/>
                    <a:pt x="2778" y="135"/>
                  </a:cubicBezTo>
                  <a:cubicBezTo>
                    <a:pt x="2758" y="135"/>
                    <a:pt x="2742" y="119"/>
                    <a:pt x="2742" y="99"/>
                  </a:cubicBezTo>
                  <a:cubicBezTo>
                    <a:pt x="2742" y="80"/>
                    <a:pt x="2758" y="65"/>
                    <a:pt x="2778" y="65"/>
                  </a:cubicBezTo>
                  <a:cubicBezTo>
                    <a:pt x="2797" y="65"/>
                    <a:pt x="2812" y="80"/>
                    <a:pt x="2812" y="99"/>
                  </a:cubicBezTo>
                  <a:lnTo>
                    <a:pt x="2812" y="99"/>
                  </a:lnTo>
                  <a:close/>
                  <a:moveTo>
                    <a:pt x="2804" y="453"/>
                  </a:moveTo>
                  <a:lnTo>
                    <a:pt x="2804" y="453"/>
                  </a:lnTo>
                  <a:cubicBezTo>
                    <a:pt x="2804" y="482"/>
                    <a:pt x="2811" y="493"/>
                    <a:pt x="2852" y="493"/>
                  </a:cubicBezTo>
                  <a:lnTo>
                    <a:pt x="2852" y="507"/>
                  </a:lnTo>
                  <a:lnTo>
                    <a:pt x="2695" y="507"/>
                  </a:lnTo>
                  <a:lnTo>
                    <a:pt x="2695" y="493"/>
                  </a:lnTo>
                  <a:cubicBezTo>
                    <a:pt x="2739" y="493"/>
                    <a:pt x="2749" y="487"/>
                    <a:pt x="2749" y="453"/>
                  </a:cubicBezTo>
                  <a:lnTo>
                    <a:pt x="2749" y="278"/>
                  </a:lnTo>
                  <a:cubicBezTo>
                    <a:pt x="2749" y="238"/>
                    <a:pt x="2737" y="235"/>
                    <a:pt x="2695" y="235"/>
                  </a:cubicBezTo>
                  <a:lnTo>
                    <a:pt x="2695" y="221"/>
                  </a:lnTo>
                  <a:lnTo>
                    <a:pt x="2790" y="212"/>
                  </a:lnTo>
                  <a:lnTo>
                    <a:pt x="2804" y="212"/>
                  </a:lnTo>
                  <a:lnTo>
                    <a:pt x="2804" y="453"/>
                  </a:lnTo>
                  <a:lnTo>
                    <a:pt x="2804" y="453"/>
                  </a:lnTo>
                  <a:close/>
                  <a:moveTo>
                    <a:pt x="2566" y="278"/>
                  </a:moveTo>
                  <a:lnTo>
                    <a:pt x="2566" y="278"/>
                  </a:lnTo>
                  <a:cubicBezTo>
                    <a:pt x="2543" y="247"/>
                    <a:pt x="2512" y="229"/>
                    <a:pt x="2483" y="229"/>
                  </a:cubicBezTo>
                  <a:cubicBezTo>
                    <a:pt x="2431" y="229"/>
                    <a:pt x="2395" y="276"/>
                    <a:pt x="2395" y="346"/>
                  </a:cubicBezTo>
                  <a:cubicBezTo>
                    <a:pt x="2395" y="414"/>
                    <a:pt x="2427" y="494"/>
                    <a:pt x="2521" y="494"/>
                  </a:cubicBezTo>
                  <a:cubicBezTo>
                    <a:pt x="2553" y="494"/>
                    <a:pt x="2566" y="481"/>
                    <a:pt x="2566" y="450"/>
                  </a:cubicBezTo>
                  <a:lnTo>
                    <a:pt x="2566" y="278"/>
                  </a:lnTo>
                  <a:lnTo>
                    <a:pt x="2566" y="278"/>
                  </a:lnTo>
                  <a:close/>
                  <a:moveTo>
                    <a:pt x="2621" y="451"/>
                  </a:moveTo>
                  <a:lnTo>
                    <a:pt x="2621" y="451"/>
                  </a:lnTo>
                  <a:cubicBezTo>
                    <a:pt x="2621" y="482"/>
                    <a:pt x="2632" y="493"/>
                    <a:pt x="2669" y="493"/>
                  </a:cubicBezTo>
                  <a:lnTo>
                    <a:pt x="2669" y="507"/>
                  </a:lnTo>
                  <a:lnTo>
                    <a:pt x="2502" y="507"/>
                  </a:lnTo>
                  <a:cubicBezTo>
                    <a:pt x="2381" y="507"/>
                    <a:pt x="2336" y="425"/>
                    <a:pt x="2336" y="358"/>
                  </a:cubicBezTo>
                  <a:cubicBezTo>
                    <a:pt x="2336" y="277"/>
                    <a:pt x="2395" y="212"/>
                    <a:pt x="2470" y="212"/>
                  </a:cubicBezTo>
                  <a:cubicBezTo>
                    <a:pt x="2500" y="212"/>
                    <a:pt x="2530" y="223"/>
                    <a:pt x="2566" y="247"/>
                  </a:cubicBezTo>
                  <a:lnTo>
                    <a:pt x="2566" y="72"/>
                  </a:lnTo>
                  <a:cubicBezTo>
                    <a:pt x="2566" y="31"/>
                    <a:pt x="2556" y="23"/>
                    <a:pt x="2528" y="23"/>
                  </a:cubicBezTo>
                  <a:lnTo>
                    <a:pt x="2512" y="23"/>
                  </a:lnTo>
                  <a:lnTo>
                    <a:pt x="2512" y="9"/>
                  </a:lnTo>
                  <a:lnTo>
                    <a:pt x="2607" y="0"/>
                  </a:lnTo>
                  <a:lnTo>
                    <a:pt x="2621" y="0"/>
                  </a:lnTo>
                  <a:lnTo>
                    <a:pt x="2621" y="451"/>
                  </a:lnTo>
                  <a:lnTo>
                    <a:pt x="2621" y="451"/>
                  </a:lnTo>
                  <a:close/>
                  <a:moveTo>
                    <a:pt x="2236" y="318"/>
                  </a:moveTo>
                  <a:lnTo>
                    <a:pt x="2236" y="318"/>
                  </a:lnTo>
                  <a:cubicBezTo>
                    <a:pt x="2239" y="255"/>
                    <a:pt x="2196" y="229"/>
                    <a:pt x="2159" y="229"/>
                  </a:cubicBezTo>
                  <a:cubicBezTo>
                    <a:pt x="2112" y="229"/>
                    <a:pt x="2083" y="265"/>
                    <a:pt x="2080" y="318"/>
                  </a:cubicBezTo>
                  <a:lnTo>
                    <a:pt x="2236" y="318"/>
                  </a:lnTo>
                  <a:lnTo>
                    <a:pt x="2236" y="318"/>
                  </a:lnTo>
                  <a:close/>
                  <a:moveTo>
                    <a:pt x="2080" y="332"/>
                  </a:moveTo>
                  <a:lnTo>
                    <a:pt x="2080" y="332"/>
                  </a:lnTo>
                  <a:cubicBezTo>
                    <a:pt x="2079" y="461"/>
                    <a:pt x="2155" y="493"/>
                    <a:pt x="2194" y="493"/>
                  </a:cubicBezTo>
                  <a:cubicBezTo>
                    <a:pt x="2234" y="493"/>
                    <a:pt x="2254" y="479"/>
                    <a:pt x="2295" y="433"/>
                  </a:cubicBezTo>
                  <a:lnTo>
                    <a:pt x="2295" y="454"/>
                  </a:lnTo>
                  <a:cubicBezTo>
                    <a:pt x="2260" y="498"/>
                    <a:pt x="2227" y="515"/>
                    <a:pt x="2177" y="515"/>
                  </a:cubicBezTo>
                  <a:cubicBezTo>
                    <a:pt x="2088" y="515"/>
                    <a:pt x="2023" y="453"/>
                    <a:pt x="2023" y="367"/>
                  </a:cubicBezTo>
                  <a:cubicBezTo>
                    <a:pt x="2023" y="280"/>
                    <a:pt x="2086" y="212"/>
                    <a:pt x="2167" y="212"/>
                  </a:cubicBezTo>
                  <a:cubicBezTo>
                    <a:pt x="2233" y="212"/>
                    <a:pt x="2294" y="266"/>
                    <a:pt x="2290" y="332"/>
                  </a:cubicBezTo>
                  <a:lnTo>
                    <a:pt x="2080" y="332"/>
                  </a:lnTo>
                  <a:lnTo>
                    <a:pt x="2080" y="332"/>
                  </a:lnTo>
                  <a:close/>
                  <a:moveTo>
                    <a:pt x="1977" y="57"/>
                  </a:moveTo>
                  <a:lnTo>
                    <a:pt x="1977" y="57"/>
                  </a:lnTo>
                  <a:cubicBezTo>
                    <a:pt x="1937" y="58"/>
                    <a:pt x="1922" y="86"/>
                    <a:pt x="1925" y="129"/>
                  </a:cubicBezTo>
                  <a:lnTo>
                    <a:pt x="1949" y="414"/>
                  </a:lnTo>
                  <a:cubicBezTo>
                    <a:pt x="1954" y="471"/>
                    <a:pt x="1963" y="489"/>
                    <a:pt x="2006" y="493"/>
                  </a:cubicBezTo>
                  <a:lnTo>
                    <a:pt x="2006" y="507"/>
                  </a:lnTo>
                  <a:lnTo>
                    <a:pt x="1840" y="507"/>
                  </a:lnTo>
                  <a:lnTo>
                    <a:pt x="1840" y="493"/>
                  </a:lnTo>
                  <a:cubicBezTo>
                    <a:pt x="1878" y="486"/>
                    <a:pt x="1890" y="469"/>
                    <a:pt x="1887" y="423"/>
                  </a:cubicBezTo>
                  <a:lnTo>
                    <a:pt x="1865" y="124"/>
                  </a:lnTo>
                  <a:lnTo>
                    <a:pt x="1863" y="124"/>
                  </a:lnTo>
                  <a:lnTo>
                    <a:pt x="1705" y="507"/>
                  </a:lnTo>
                  <a:lnTo>
                    <a:pt x="1693" y="507"/>
                  </a:lnTo>
                  <a:lnTo>
                    <a:pt x="1537" y="124"/>
                  </a:lnTo>
                  <a:lnTo>
                    <a:pt x="1536" y="124"/>
                  </a:lnTo>
                  <a:lnTo>
                    <a:pt x="1510" y="410"/>
                  </a:lnTo>
                  <a:cubicBezTo>
                    <a:pt x="1506" y="456"/>
                    <a:pt x="1523" y="484"/>
                    <a:pt x="1570" y="493"/>
                  </a:cubicBezTo>
                  <a:lnTo>
                    <a:pt x="1570" y="507"/>
                  </a:lnTo>
                  <a:lnTo>
                    <a:pt x="1426" y="507"/>
                  </a:lnTo>
                  <a:lnTo>
                    <a:pt x="1426" y="493"/>
                  </a:lnTo>
                  <a:cubicBezTo>
                    <a:pt x="1473" y="486"/>
                    <a:pt x="1480" y="459"/>
                    <a:pt x="1485" y="408"/>
                  </a:cubicBezTo>
                  <a:lnTo>
                    <a:pt x="1513" y="90"/>
                  </a:lnTo>
                  <a:cubicBezTo>
                    <a:pt x="1495" y="70"/>
                    <a:pt x="1479" y="61"/>
                    <a:pt x="1453" y="57"/>
                  </a:cubicBezTo>
                  <a:lnTo>
                    <a:pt x="1453" y="44"/>
                  </a:lnTo>
                  <a:lnTo>
                    <a:pt x="1570" y="44"/>
                  </a:lnTo>
                  <a:lnTo>
                    <a:pt x="1718" y="408"/>
                  </a:lnTo>
                  <a:lnTo>
                    <a:pt x="1868" y="44"/>
                  </a:lnTo>
                  <a:lnTo>
                    <a:pt x="1977" y="44"/>
                  </a:lnTo>
                  <a:lnTo>
                    <a:pt x="1977" y="57"/>
                  </a:lnTo>
                  <a:lnTo>
                    <a:pt x="1977" y="57"/>
                  </a:lnTo>
                  <a:close/>
                  <a:moveTo>
                    <a:pt x="1294" y="444"/>
                  </a:moveTo>
                  <a:lnTo>
                    <a:pt x="1294" y="444"/>
                  </a:lnTo>
                  <a:cubicBezTo>
                    <a:pt x="1294" y="482"/>
                    <a:pt x="1302" y="493"/>
                    <a:pt x="1342" y="493"/>
                  </a:cubicBezTo>
                  <a:lnTo>
                    <a:pt x="1342" y="507"/>
                  </a:lnTo>
                  <a:lnTo>
                    <a:pt x="1190" y="507"/>
                  </a:lnTo>
                  <a:lnTo>
                    <a:pt x="1190" y="493"/>
                  </a:lnTo>
                  <a:cubicBezTo>
                    <a:pt x="1228" y="493"/>
                    <a:pt x="1239" y="484"/>
                    <a:pt x="1239" y="457"/>
                  </a:cubicBezTo>
                  <a:lnTo>
                    <a:pt x="1239" y="308"/>
                  </a:lnTo>
                  <a:cubicBezTo>
                    <a:pt x="1239" y="262"/>
                    <a:pt x="1206" y="242"/>
                    <a:pt x="1175" y="242"/>
                  </a:cubicBezTo>
                  <a:cubicBezTo>
                    <a:pt x="1147" y="242"/>
                    <a:pt x="1122" y="260"/>
                    <a:pt x="1093" y="298"/>
                  </a:cubicBezTo>
                  <a:lnTo>
                    <a:pt x="1093" y="438"/>
                  </a:lnTo>
                  <a:cubicBezTo>
                    <a:pt x="1093" y="482"/>
                    <a:pt x="1099" y="493"/>
                    <a:pt x="1142" y="493"/>
                  </a:cubicBezTo>
                  <a:lnTo>
                    <a:pt x="1142" y="507"/>
                  </a:lnTo>
                  <a:lnTo>
                    <a:pt x="991" y="507"/>
                  </a:lnTo>
                  <a:lnTo>
                    <a:pt x="991" y="493"/>
                  </a:lnTo>
                  <a:cubicBezTo>
                    <a:pt x="1029" y="493"/>
                    <a:pt x="1039" y="490"/>
                    <a:pt x="1039" y="438"/>
                  </a:cubicBezTo>
                  <a:lnTo>
                    <a:pt x="1039" y="277"/>
                  </a:lnTo>
                  <a:cubicBezTo>
                    <a:pt x="1039" y="242"/>
                    <a:pt x="1030" y="235"/>
                    <a:pt x="991" y="235"/>
                  </a:cubicBezTo>
                  <a:lnTo>
                    <a:pt x="991" y="221"/>
                  </a:lnTo>
                  <a:lnTo>
                    <a:pt x="1080" y="212"/>
                  </a:lnTo>
                  <a:lnTo>
                    <a:pt x="1093" y="212"/>
                  </a:lnTo>
                  <a:lnTo>
                    <a:pt x="1093" y="270"/>
                  </a:lnTo>
                  <a:cubicBezTo>
                    <a:pt x="1127" y="231"/>
                    <a:pt x="1161" y="212"/>
                    <a:pt x="1197" y="212"/>
                  </a:cubicBezTo>
                  <a:cubicBezTo>
                    <a:pt x="1245" y="212"/>
                    <a:pt x="1294" y="246"/>
                    <a:pt x="1294" y="315"/>
                  </a:cubicBezTo>
                  <a:lnTo>
                    <a:pt x="1294" y="444"/>
                  </a:lnTo>
                  <a:lnTo>
                    <a:pt x="1294" y="444"/>
                  </a:lnTo>
                  <a:close/>
                  <a:moveTo>
                    <a:pt x="930" y="444"/>
                  </a:moveTo>
                  <a:lnTo>
                    <a:pt x="930" y="444"/>
                  </a:lnTo>
                  <a:cubicBezTo>
                    <a:pt x="930" y="482"/>
                    <a:pt x="938" y="493"/>
                    <a:pt x="978" y="493"/>
                  </a:cubicBezTo>
                  <a:lnTo>
                    <a:pt x="978" y="507"/>
                  </a:lnTo>
                  <a:lnTo>
                    <a:pt x="826" y="507"/>
                  </a:lnTo>
                  <a:lnTo>
                    <a:pt x="826" y="493"/>
                  </a:lnTo>
                  <a:cubicBezTo>
                    <a:pt x="864" y="493"/>
                    <a:pt x="875" y="484"/>
                    <a:pt x="875" y="457"/>
                  </a:cubicBezTo>
                  <a:lnTo>
                    <a:pt x="875" y="308"/>
                  </a:lnTo>
                  <a:cubicBezTo>
                    <a:pt x="875" y="262"/>
                    <a:pt x="842" y="242"/>
                    <a:pt x="811" y="242"/>
                  </a:cubicBezTo>
                  <a:cubicBezTo>
                    <a:pt x="783" y="242"/>
                    <a:pt x="758" y="260"/>
                    <a:pt x="730" y="298"/>
                  </a:cubicBezTo>
                  <a:lnTo>
                    <a:pt x="730" y="438"/>
                  </a:lnTo>
                  <a:cubicBezTo>
                    <a:pt x="730" y="482"/>
                    <a:pt x="735" y="493"/>
                    <a:pt x="778" y="493"/>
                  </a:cubicBezTo>
                  <a:lnTo>
                    <a:pt x="778" y="507"/>
                  </a:lnTo>
                  <a:lnTo>
                    <a:pt x="627" y="507"/>
                  </a:lnTo>
                  <a:lnTo>
                    <a:pt x="627" y="493"/>
                  </a:lnTo>
                  <a:cubicBezTo>
                    <a:pt x="665" y="493"/>
                    <a:pt x="675" y="490"/>
                    <a:pt x="675" y="438"/>
                  </a:cubicBezTo>
                  <a:lnTo>
                    <a:pt x="675" y="277"/>
                  </a:lnTo>
                  <a:cubicBezTo>
                    <a:pt x="675" y="242"/>
                    <a:pt x="666" y="235"/>
                    <a:pt x="627" y="235"/>
                  </a:cubicBezTo>
                  <a:lnTo>
                    <a:pt x="627" y="221"/>
                  </a:lnTo>
                  <a:lnTo>
                    <a:pt x="716" y="212"/>
                  </a:lnTo>
                  <a:lnTo>
                    <a:pt x="730" y="212"/>
                  </a:lnTo>
                  <a:lnTo>
                    <a:pt x="730" y="270"/>
                  </a:lnTo>
                  <a:cubicBezTo>
                    <a:pt x="763" y="231"/>
                    <a:pt x="797" y="212"/>
                    <a:pt x="833" y="212"/>
                  </a:cubicBezTo>
                  <a:cubicBezTo>
                    <a:pt x="881" y="212"/>
                    <a:pt x="930" y="246"/>
                    <a:pt x="930" y="315"/>
                  </a:cubicBezTo>
                  <a:lnTo>
                    <a:pt x="930" y="444"/>
                  </a:lnTo>
                  <a:lnTo>
                    <a:pt x="930" y="444"/>
                  </a:lnTo>
                  <a:close/>
                  <a:moveTo>
                    <a:pt x="552" y="318"/>
                  </a:moveTo>
                  <a:lnTo>
                    <a:pt x="552" y="318"/>
                  </a:lnTo>
                  <a:cubicBezTo>
                    <a:pt x="555" y="255"/>
                    <a:pt x="512" y="229"/>
                    <a:pt x="475" y="229"/>
                  </a:cubicBezTo>
                  <a:cubicBezTo>
                    <a:pt x="428" y="229"/>
                    <a:pt x="399" y="265"/>
                    <a:pt x="396" y="318"/>
                  </a:cubicBezTo>
                  <a:lnTo>
                    <a:pt x="552" y="318"/>
                  </a:lnTo>
                  <a:lnTo>
                    <a:pt x="552" y="318"/>
                  </a:lnTo>
                  <a:close/>
                  <a:moveTo>
                    <a:pt x="396" y="332"/>
                  </a:moveTo>
                  <a:lnTo>
                    <a:pt x="396" y="332"/>
                  </a:lnTo>
                  <a:cubicBezTo>
                    <a:pt x="395" y="461"/>
                    <a:pt x="471" y="493"/>
                    <a:pt x="510" y="493"/>
                  </a:cubicBezTo>
                  <a:cubicBezTo>
                    <a:pt x="550" y="493"/>
                    <a:pt x="570" y="479"/>
                    <a:pt x="611" y="433"/>
                  </a:cubicBezTo>
                  <a:lnTo>
                    <a:pt x="611" y="454"/>
                  </a:lnTo>
                  <a:cubicBezTo>
                    <a:pt x="576" y="498"/>
                    <a:pt x="543" y="515"/>
                    <a:pt x="493" y="515"/>
                  </a:cubicBezTo>
                  <a:cubicBezTo>
                    <a:pt x="403" y="515"/>
                    <a:pt x="339" y="453"/>
                    <a:pt x="339" y="367"/>
                  </a:cubicBezTo>
                  <a:cubicBezTo>
                    <a:pt x="339" y="280"/>
                    <a:pt x="402" y="212"/>
                    <a:pt x="483" y="212"/>
                  </a:cubicBezTo>
                  <a:cubicBezTo>
                    <a:pt x="549" y="212"/>
                    <a:pt x="610" y="266"/>
                    <a:pt x="606" y="332"/>
                  </a:cubicBezTo>
                  <a:lnTo>
                    <a:pt x="396" y="332"/>
                  </a:lnTo>
                  <a:lnTo>
                    <a:pt x="396" y="332"/>
                  </a:lnTo>
                  <a:close/>
                  <a:moveTo>
                    <a:pt x="114" y="269"/>
                  </a:moveTo>
                  <a:lnTo>
                    <a:pt x="114" y="269"/>
                  </a:lnTo>
                  <a:cubicBezTo>
                    <a:pt x="135" y="276"/>
                    <a:pt x="147" y="277"/>
                    <a:pt x="172" y="277"/>
                  </a:cubicBezTo>
                  <a:cubicBezTo>
                    <a:pt x="240" y="277"/>
                    <a:pt x="284" y="240"/>
                    <a:pt x="284" y="177"/>
                  </a:cubicBezTo>
                  <a:cubicBezTo>
                    <a:pt x="284" y="128"/>
                    <a:pt x="257" y="61"/>
                    <a:pt x="172" y="61"/>
                  </a:cubicBezTo>
                  <a:lnTo>
                    <a:pt x="114" y="61"/>
                  </a:lnTo>
                  <a:lnTo>
                    <a:pt x="114" y="269"/>
                  </a:lnTo>
                  <a:lnTo>
                    <a:pt x="114" y="269"/>
                  </a:lnTo>
                  <a:close/>
                  <a:moveTo>
                    <a:pt x="114" y="419"/>
                  </a:moveTo>
                  <a:lnTo>
                    <a:pt x="114" y="419"/>
                  </a:lnTo>
                  <a:cubicBezTo>
                    <a:pt x="114" y="477"/>
                    <a:pt x="128" y="493"/>
                    <a:pt x="167" y="493"/>
                  </a:cubicBezTo>
                  <a:lnTo>
                    <a:pt x="167" y="507"/>
                  </a:lnTo>
                  <a:lnTo>
                    <a:pt x="0" y="507"/>
                  </a:lnTo>
                  <a:lnTo>
                    <a:pt x="0" y="493"/>
                  </a:lnTo>
                  <a:cubicBezTo>
                    <a:pt x="33" y="493"/>
                    <a:pt x="53" y="482"/>
                    <a:pt x="53" y="421"/>
                  </a:cubicBezTo>
                  <a:lnTo>
                    <a:pt x="53" y="131"/>
                  </a:lnTo>
                  <a:cubicBezTo>
                    <a:pt x="53" y="74"/>
                    <a:pt x="39" y="57"/>
                    <a:pt x="0" y="57"/>
                  </a:cubicBezTo>
                  <a:lnTo>
                    <a:pt x="0" y="44"/>
                  </a:lnTo>
                  <a:lnTo>
                    <a:pt x="169" y="44"/>
                  </a:lnTo>
                  <a:cubicBezTo>
                    <a:pt x="297" y="44"/>
                    <a:pt x="349" y="111"/>
                    <a:pt x="349" y="175"/>
                  </a:cubicBezTo>
                  <a:cubicBezTo>
                    <a:pt x="349" y="252"/>
                    <a:pt x="290" y="295"/>
                    <a:pt x="185" y="295"/>
                  </a:cubicBezTo>
                  <a:cubicBezTo>
                    <a:pt x="165" y="295"/>
                    <a:pt x="148" y="294"/>
                    <a:pt x="114" y="290"/>
                  </a:cubicBezTo>
                  <a:lnTo>
                    <a:pt x="114" y="419"/>
                  </a:lnTo>
                  <a:lnTo>
                    <a:pt x="114" y="419"/>
                  </a:lnTo>
                  <a:close/>
                  <a:moveTo>
                    <a:pt x="3135" y="313"/>
                  </a:moveTo>
                  <a:lnTo>
                    <a:pt x="3135" y="313"/>
                  </a:lnTo>
                  <a:lnTo>
                    <a:pt x="3121" y="313"/>
                  </a:lnTo>
                  <a:cubicBezTo>
                    <a:pt x="3109" y="262"/>
                    <a:pt x="3073" y="229"/>
                    <a:pt x="3025" y="229"/>
                  </a:cubicBezTo>
                  <a:cubicBezTo>
                    <a:pt x="2968" y="229"/>
                    <a:pt x="2929" y="277"/>
                    <a:pt x="2929" y="347"/>
                  </a:cubicBezTo>
                  <a:cubicBezTo>
                    <a:pt x="2929" y="426"/>
                    <a:pt x="2978" y="491"/>
                    <a:pt x="3036" y="491"/>
                  </a:cubicBezTo>
                  <a:cubicBezTo>
                    <a:pt x="3071" y="491"/>
                    <a:pt x="3113" y="473"/>
                    <a:pt x="3143" y="431"/>
                  </a:cubicBezTo>
                  <a:lnTo>
                    <a:pt x="3143" y="452"/>
                  </a:lnTo>
                  <a:cubicBezTo>
                    <a:pt x="3112" y="494"/>
                    <a:pt x="3069" y="515"/>
                    <a:pt x="3017" y="515"/>
                  </a:cubicBezTo>
                  <a:cubicBezTo>
                    <a:pt x="2932" y="515"/>
                    <a:pt x="2873" y="456"/>
                    <a:pt x="2873" y="371"/>
                  </a:cubicBezTo>
                  <a:cubicBezTo>
                    <a:pt x="2873" y="283"/>
                    <a:pt x="2939" y="212"/>
                    <a:pt x="3021" y="212"/>
                  </a:cubicBezTo>
                  <a:cubicBezTo>
                    <a:pt x="3064" y="212"/>
                    <a:pt x="3087" y="229"/>
                    <a:pt x="3102" y="229"/>
                  </a:cubicBezTo>
                  <a:cubicBezTo>
                    <a:pt x="3109" y="229"/>
                    <a:pt x="3116" y="223"/>
                    <a:pt x="3121" y="212"/>
                  </a:cubicBezTo>
                  <a:lnTo>
                    <a:pt x="3135" y="212"/>
                  </a:lnTo>
                  <a:lnTo>
                    <a:pt x="3135" y="313"/>
                  </a:lnTo>
                  <a:close/>
                </a:path>
              </a:pathLst>
            </a:custGeom>
            <a:solidFill>
              <a:schemeClr val="accent1"/>
            </a:solidFill>
            <a:ln w="0">
              <a:noFill/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413618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7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C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E713D132-8C61-C600-AFB3-F62335C60208}"/>
              </a:ext>
            </a:extLst>
          </p:cNvPr>
          <p:cNvGrpSpPr/>
          <p:nvPr userDrawn="1"/>
        </p:nvGrpSpPr>
        <p:grpSpPr>
          <a:xfrm>
            <a:off x="4724397" y="3211027"/>
            <a:ext cx="2743202" cy="435946"/>
            <a:chOff x="4724397" y="3211027"/>
            <a:chExt cx="2743202" cy="435946"/>
          </a:xfrm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5FF09B02-6C86-BF07-BC42-4DA86C0C91C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86053"/>
            <a:stretch/>
          </p:blipFill>
          <p:spPr>
            <a:xfrm>
              <a:off x="4724397" y="3211027"/>
              <a:ext cx="381588" cy="435946"/>
            </a:xfrm>
            <a:prstGeom prst="rect">
              <a:avLst/>
            </a:prstGeom>
          </p:spPr>
        </p:pic>
        <p:sp>
          <p:nvSpPr>
            <p:cNvPr id="10" name="Freeform 33">
              <a:extLst>
                <a:ext uri="{FF2B5EF4-FFF2-40B4-BE49-F238E27FC236}">
                  <a16:creationId xmlns:a16="http://schemas.microsoft.com/office/drawing/2014/main" id="{C106549B-7A55-FB9D-40AE-058D5282DBEE}"/>
                </a:ext>
              </a:extLst>
            </p:cNvPr>
            <p:cNvSpPr>
              <a:spLocks noEditPoints="1"/>
            </p:cNvSpPr>
            <p:nvPr/>
          </p:nvSpPr>
          <p:spPr bwMode="white">
            <a:xfrm>
              <a:off x="5218111" y="3211027"/>
              <a:ext cx="2249488" cy="295275"/>
            </a:xfrm>
            <a:custGeom>
              <a:avLst/>
              <a:gdLst>
                <a:gd name="T0" fmla="*/ 3918 w 3977"/>
                <a:gd name="T1" fmla="*/ 318 h 515"/>
                <a:gd name="T2" fmla="*/ 3977 w 3977"/>
                <a:gd name="T3" fmla="*/ 433 h 515"/>
                <a:gd name="T4" fmla="*/ 3973 w 3977"/>
                <a:gd name="T5" fmla="*/ 332 h 515"/>
                <a:gd name="T6" fmla="*/ 3688 w 3977"/>
                <a:gd name="T7" fmla="*/ 493 h 515"/>
                <a:gd name="T8" fmla="*/ 3585 w 3977"/>
                <a:gd name="T9" fmla="*/ 308 h 515"/>
                <a:gd name="T10" fmla="*/ 3488 w 3977"/>
                <a:gd name="T11" fmla="*/ 507 h 515"/>
                <a:gd name="T12" fmla="*/ 3337 w 3977"/>
                <a:gd name="T13" fmla="*/ 235 h 515"/>
                <a:gd name="T14" fmla="*/ 3543 w 3977"/>
                <a:gd name="T15" fmla="*/ 212 h 515"/>
                <a:gd name="T16" fmla="*/ 3280 w 3977"/>
                <a:gd name="T17" fmla="*/ 99 h 515"/>
                <a:gd name="T18" fmla="*/ 3280 w 3977"/>
                <a:gd name="T19" fmla="*/ 99 h 515"/>
                <a:gd name="T20" fmla="*/ 3163 w 3977"/>
                <a:gd name="T21" fmla="*/ 507 h 515"/>
                <a:gd name="T22" fmla="*/ 3163 w 3977"/>
                <a:gd name="T23" fmla="*/ 221 h 515"/>
                <a:gd name="T24" fmla="*/ 2812 w 3977"/>
                <a:gd name="T25" fmla="*/ 99 h 515"/>
                <a:gd name="T26" fmla="*/ 2812 w 3977"/>
                <a:gd name="T27" fmla="*/ 99 h 515"/>
                <a:gd name="T28" fmla="*/ 2852 w 3977"/>
                <a:gd name="T29" fmla="*/ 507 h 515"/>
                <a:gd name="T30" fmla="*/ 2695 w 3977"/>
                <a:gd name="T31" fmla="*/ 235 h 515"/>
                <a:gd name="T32" fmla="*/ 2804 w 3977"/>
                <a:gd name="T33" fmla="*/ 453 h 515"/>
                <a:gd name="T34" fmla="*/ 2521 w 3977"/>
                <a:gd name="T35" fmla="*/ 494 h 515"/>
                <a:gd name="T36" fmla="*/ 2621 w 3977"/>
                <a:gd name="T37" fmla="*/ 451 h 515"/>
                <a:gd name="T38" fmla="*/ 2470 w 3977"/>
                <a:gd name="T39" fmla="*/ 212 h 515"/>
                <a:gd name="T40" fmla="*/ 2512 w 3977"/>
                <a:gd name="T41" fmla="*/ 9 h 515"/>
                <a:gd name="T42" fmla="*/ 2236 w 3977"/>
                <a:gd name="T43" fmla="*/ 318 h 515"/>
                <a:gd name="T44" fmla="*/ 2236 w 3977"/>
                <a:gd name="T45" fmla="*/ 318 h 515"/>
                <a:gd name="T46" fmla="*/ 2295 w 3977"/>
                <a:gd name="T47" fmla="*/ 454 h 515"/>
                <a:gd name="T48" fmla="*/ 2080 w 3977"/>
                <a:gd name="T49" fmla="*/ 332 h 515"/>
                <a:gd name="T50" fmla="*/ 1949 w 3977"/>
                <a:gd name="T51" fmla="*/ 414 h 515"/>
                <a:gd name="T52" fmla="*/ 1887 w 3977"/>
                <a:gd name="T53" fmla="*/ 423 h 515"/>
                <a:gd name="T54" fmla="*/ 1537 w 3977"/>
                <a:gd name="T55" fmla="*/ 124 h 515"/>
                <a:gd name="T56" fmla="*/ 1426 w 3977"/>
                <a:gd name="T57" fmla="*/ 507 h 515"/>
                <a:gd name="T58" fmla="*/ 1453 w 3977"/>
                <a:gd name="T59" fmla="*/ 44 h 515"/>
                <a:gd name="T60" fmla="*/ 1977 w 3977"/>
                <a:gd name="T61" fmla="*/ 57 h 515"/>
                <a:gd name="T62" fmla="*/ 1342 w 3977"/>
                <a:gd name="T63" fmla="*/ 507 h 515"/>
                <a:gd name="T64" fmla="*/ 1175 w 3977"/>
                <a:gd name="T65" fmla="*/ 242 h 515"/>
                <a:gd name="T66" fmla="*/ 991 w 3977"/>
                <a:gd name="T67" fmla="*/ 507 h 515"/>
                <a:gd name="T68" fmla="*/ 991 w 3977"/>
                <a:gd name="T69" fmla="*/ 221 h 515"/>
                <a:gd name="T70" fmla="*/ 1294 w 3977"/>
                <a:gd name="T71" fmla="*/ 315 h 515"/>
                <a:gd name="T72" fmla="*/ 978 w 3977"/>
                <a:gd name="T73" fmla="*/ 493 h 515"/>
                <a:gd name="T74" fmla="*/ 875 w 3977"/>
                <a:gd name="T75" fmla="*/ 308 h 515"/>
                <a:gd name="T76" fmla="*/ 778 w 3977"/>
                <a:gd name="T77" fmla="*/ 507 h 515"/>
                <a:gd name="T78" fmla="*/ 627 w 3977"/>
                <a:gd name="T79" fmla="*/ 235 h 515"/>
                <a:gd name="T80" fmla="*/ 833 w 3977"/>
                <a:gd name="T81" fmla="*/ 212 h 515"/>
                <a:gd name="T82" fmla="*/ 552 w 3977"/>
                <a:gd name="T83" fmla="*/ 318 h 515"/>
                <a:gd name="T84" fmla="*/ 396 w 3977"/>
                <a:gd name="T85" fmla="*/ 332 h 515"/>
                <a:gd name="T86" fmla="*/ 493 w 3977"/>
                <a:gd name="T87" fmla="*/ 515 h 515"/>
                <a:gd name="T88" fmla="*/ 396 w 3977"/>
                <a:gd name="T89" fmla="*/ 332 h 515"/>
                <a:gd name="T90" fmla="*/ 172 w 3977"/>
                <a:gd name="T91" fmla="*/ 61 h 515"/>
                <a:gd name="T92" fmla="*/ 114 w 3977"/>
                <a:gd name="T93" fmla="*/ 419 h 515"/>
                <a:gd name="T94" fmla="*/ 53 w 3977"/>
                <a:gd name="T95" fmla="*/ 421 h 515"/>
                <a:gd name="T96" fmla="*/ 349 w 3977"/>
                <a:gd name="T97" fmla="*/ 175 h 515"/>
                <a:gd name="T98" fmla="*/ 3135 w 3977"/>
                <a:gd name="T99" fmla="*/ 313 h 515"/>
                <a:gd name="T100" fmla="*/ 3036 w 3977"/>
                <a:gd name="T101" fmla="*/ 491 h 515"/>
                <a:gd name="T102" fmla="*/ 3021 w 3977"/>
                <a:gd name="T103" fmla="*/ 212 h 5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3977" h="515">
                  <a:moveTo>
                    <a:pt x="3918" y="318"/>
                  </a:moveTo>
                  <a:lnTo>
                    <a:pt x="3918" y="318"/>
                  </a:lnTo>
                  <a:cubicBezTo>
                    <a:pt x="3921" y="255"/>
                    <a:pt x="3878" y="229"/>
                    <a:pt x="3842" y="229"/>
                  </a:cubicBezTo>
                  <a:cubicBezTo>
                    <a:pt x="3794" y="229"/>
                    <a:pt x="3766" y="265"/>
                    <a:pt x="3762" y="318"/>
                  </a:cubicBezTo>
                  <a:lnTo>
                    <a:pt x="3918" y="318"/>
                  </a:lnTo>
                  <a:lnTo>
                    <a:pt x="3918" y="318"/>
                  </a:lnTo>
                  <a:close/>
                  <a:moveTo>
                    <a:pt x="3762" y="332"/>
                  </a:moveTo>
                  <a:lnTo>
                    <a:pt x="3762" y="332"/>
                  </a:lnTo>
                  <a:cubicBezTo>
                    <a:pt x="3761" y="461"/>
                    <a:pt x="3838" y="493"/>
                    <a:pt x="3876" y="493"/>
                  </a:cubicBezTo>
                  <a:cubicBezTo>
                    <a:pt x="3916" y="493"/>
                    <a:pt x="3936" y="479"/>
                    <a:pt x="3977" y="433"/>
                  </a:cubicBezTo>
                  <a:lnTo>
                    <a:pt x="3977" y="454"/>
                  </a:lnTo>
                  <a:cubicBezTo>
                    <a:pt x="3943" y="498"/>
                    <a:pt x="3909" y="515"/>
                    <a:pt x="3859" y="515"/>
                  </a:cubicBezTo>
                  <a:cubicBezTo>
                    <a:pt x="3770" y="515"/>
                    <a:pt x="3705" y="453"/>
                    <a:pt x="3705" y="367"/>
                  </a:cubicBezTo>
                  <a:cubicBezTo>
                    <a:pt x="3705" y="280"/>
                    <a:pt x="3768" y="212"/>
                    <a:pt x="3849" y="212"/>
                  </a:cubicBezTo>
                  <a:cubicBezTo>
                    <a:pt x="3915" y="212"/>
                    <a:pt x="3977" y="266"/>
                    <a:pt x="3973" y="332"/>
                  </a:cubicBezTo>
                  <a:lnTo>
                    <a:pt x="3762" y="332"/>
                  </a:lnTo>
                  <a:lnTo>
                    <a:pt x="3762" y="332"/>
                  </a:lnTo>
                  <a:close/>
                  <a:moveTo>
                    <a:pt x="3640" y="444"/>
                  </a:moveTo>
                  <a:lnTo>
                    <a:pt x="3640" y="444"/>
                  </a:lnTo>
                  <a:cubicBezTo>
                    <a:pt x="3640" y="482"/>
                    <a:pt x="3648" y="493"/>
                    <a:pt x="3688" y="493"/>
                  </a:cubicBezTo>
                  <a:lnTo>
                    <a:pt x="3688" y="507"/>
                  </a:lnTo>
                  <a:lnTo>
                    <a:pt x="3536" y="507"/>
                  </a:lnTo>
                  <a:lnTo>
                    <a:pt x="3536" y="493"/>
                  </a:lnTo>
                  <a:cubicBezTo>
                    <a:pt x="3574" y="493"/>
                    <a:pt x="3585" y="484"/>
                    <a:pt x="3585" y="457"/>
                  </a:cubicBezTo>
                  <a:lnTo>
                    <a:pt x="3585" y="308"/>
                  </a:lnTo>
                  <a:cubicBezTo>
                    <a:pt x="3585" y="262"/>
                    <a:pt x="3552" y="242"/>
                    <a:pt x="3521" y="242"/>
                  </a:cubicBezTo>
                  <a:cubicBezTo>
                    <a:pt x="3493" y="242"/>
                    <a:pt x="3468" y="260"/>
                    <a:pt x="3439" y="298"/>
                  </a:cubicBezTo>
                  <a:lnTo>
                    <a:pt x="3439" y="438"/>
                  </a:lnTo>
                  <a:cubicBezTo>
                    <a:pt x="3439" y="482"/>
                    <a:pt x="3445" y="493"/>
                    <a:pt x="3488" y="493"/>
                  </a:cubicBezTo>
                  <a:lnTo>
                    <a:pt x="3488" y="507"/>
                  </a:lnTo>
                  <a:lnTo>
                    <a:pt x="3337" y="507"/>
                  </a:lnTo>
                  <a:lnTo>
                    <a:pt x="3337" y="493"/>
                  </a:lnTo>
                  <a:cubicBezTo>
                    <a:pt x="3375" y="493"/>
                    <a:pt x="3385" y="490"/>
                    <a:pt x="3385" y="438"/>
                  </a:cubicBezTo>
                  <a:lnTo>
                    <a:pt x="3385" y="277"/>
                  </a:lnTo>
                  <a:cubicBezTo>
                    <a:pt x="3385" y="242"/>
                    <a:pt x="3376" y="235"/>
                    <a:pt x="3337" y="235"/>
                  </a:cubicBezTo>
                  <a:lnTo>
                    <a:pt x="3337" y="221"/>
                  </a:lnTo>
                  <a:lnTo>
                    <a:pt x="3426" y="212"/>
                  </a:lnTo>
                  <a:lnTo>
                    <a:pt x="3439" y="212"/>
                  </a:lnTo>
                  <a:lnTo>
                    <a:pt x="3439" y="270"/>
                  </a:lnTo>
                  <a:cubicBezTo>
                    <a:pt x="3473" y="231"/>
                    <a:pt x="3507" y="212"/>
                    <a:pt x="3543" y="212"/>
                  </a:cubicBezTo>
                  <a:cubicBezTo>
                    <a:pt x="3591" y="212"/>
                    <a:pt x="3640" y="246"/>
                    <a:pt x="3640" y="315"/>
                  </a:cubicBezTo>
                  <a:lnTo>
                    <a:pt x="3640" y="444"/>
                  </a:lnTo>
                  <a:lnTo>
                    <a:pt x="3640" y="444"/>
                  </a:lnTo>
                  <a:close/>
                  <a:moveTo>
                    <a:pt x="3280" y="99"/>
                  </a:moveTo>
                  <a:lnTo>
                    <a:pt x="3280" y="99"/>
                  </a:lnTo>
                  <a:cubicBezTo>
                    <a:pt x="3280" y="119"/>
                    <a:pt x="3265" y="135"/>
                    <a:pt x="3245" y="135"/>
                  </a:cubicBezTo>
                  <a:cubicBezTo>
                    <a:pt x="3226" y="135"/>
                    <a:pt x="3210" y="119"/>
                    <a:pt x="3210" y="99"/>
                  </a:cubicBezTo>
                  <a:cubicBezTo>
                    <a:pt x="3210" y="80"/>
                    <a:pt x="3226" y="65"/>
                    <a:pt x="3245" y="65"/>
                  </a:cubicBezTo>
                  <a:cubicBezTo>
                    <a:pt x="3265" y="65"/>
                    <a:pt x="3280" y="80"/>
                    <a:pt x="3280" y="99"/>
                  </a:cubicBezTo>
                  <a:lnTo>
                    <a:pt x="3280" y="99"/>
                  </a:lnTo>
                  <a:close/>
                  <a:moveTo>
                    <a:pt x="3272" y="453"/>
                  </a:moveTo>
                  <a:lnTo>
                    <a:pt x="3272" y="453"/>
                  </a:lnTo>
                  <a:cubicBezTo>
                    <a:pt x="3272" y="482"/>
                    <a:pt x="3279" y="493"/>
                    <a:pt x="3320" y="493"/>
                  </a:cubicBezTo>
                  <a:lnTo>
                    <a:pt x="3320" y="507"/>
                  </a:lnTo>
                  <a:lnTo>
                    <a:pt x="3163" y="507"/>
                  </a:lnTo>
                  <a:lnTo>
                    <a:pt x="3163" y="493"/>
                  </a:lnTo>
                  <a:cubicBezTo>
                    <a:pt x="3207" y="493"/>
                    <a:pt x="3217" y="487"/>
                    <a:pt x="3217" y="453"/>
                  </a:cubicBezTo>
                  <a:lnTo>
                    <a:pt x="3217" y="278"/>
                  </a:lnTo>
                  <a:cubicBezTo>
                    <a:pt x="3217" y="238"/>
                    <a:pt x="3205" y="235"/>
                    <a:pt x="3163" y="235"/>
                  </a:cubicBezTo>
                  <a:lnTo>
                    <a:pt x="3163" y="221"/>
                  </a:lnTo>
                  <a:lnTo>
                    <a:pt x="3258" y="212"/>
                  </a:lnTo>
                  <a:lnTo>
                    <a:pt x="3272" y="212"/>
                  </a:lnTo>
                  <a:lnTo>
                    <a:pt x="3272" y="453"/>
                  </a:lnTo>
                  <a:lnTo>
                    <a:pt x="3272" y="453"/>
                  </a:lnTo>
                  <a:close/>
                  <a:moveTo>
                    <a:pt x="2812" y="99"/>
                  </a:moveTo>
                  <a:lnTo>
                    <a:pt x="2812" y="99"/>
                  </a:lnTo>
                  <a:cubicBezTo>
                    <a:pt x="2812" y="119"/>
                    <a:pt x="2797" y="135"/>
                    <a:pt x="2778" y="135"/>
                  </a:cubicBezTo>
                  <a:cubicBezTo>
                    <a:pt x="2758" y="135"/>
                    <a:pt x="2742" y="119"/>
                    <a:pt x="2742" y="99"/>
                  </a:cubicBezTo>
                  <a:cubicBezTo>
                    <a:pt x="2742" y="80"/>
                    <a:pt x="2758" y="65"/>
                    <a:pt x="2778" y="65"/>
                  </a:cubicBezTo>
                  <a:cubicBezTo>
                    <a:pt x="2797" y="65"/>
                    <a:pt x="2812" y="80"/>
                    <a:pt x="2812" y="99"/>
                  </a:cubicBezTo>
                  <a:lnTo>
                    <a:pt x="2812" y="99"/>
                  </a:lnTo>
                  <a:close/>
                  <a:moveTo>
                    <a:pt x="2804" y="453"/>
                  </a:moveTo>
                  <a:lnTo>
                    <a:pt x="2804" y="453"/>
                  </a:lnTo>
                  <a:cubicBezTo>
                    <a:pt x="2804" y="482"/>
                    <a:pt x="2811" y="493"/>
                    <a:pt x="2852" y="493"/>
                  </a:cubicBezTo>
                  <a:lnTo>
                    <a:pt x="2852" y="507"/>
                  </a:lnTo>
                  <a:lnTo>
                    <a:pt x="2695" y="507"/>
                  </a:lnTo>
                  <a:lnTo>
                    <a:pt x="2695" y="493"/>
                  </a:lnTo>
                  <a:cubicBezTo>
                    <a:pt x="2739" y="493"/>
                    <a:pt x="2749" y="487"/>
                    <a:pt x="2749" y="453"/>
                  </a:cubicBezTo>
                  <a:lnTo>
                    <a:pt x="2749" y="278"/>
                  </a:lnTo>
                  <a:cubicBezTo>
                    <a:pt x="2749" y="238"/>
                    <a:pt x="2737" y="235"/>
                    <a:pt x="2695" y="235"/>
                  </a:cubicBezTo>
                  <a:lnTo>
                    <a:pt x="2695" y="221"/>
                  </a:lnTo>
                  <a:lnTo>
                    <a:pt x="2790" y="212"/>
                  </a:lnTo>
                  <a:lnTo>
                    <a:pt x="2804" y="212"/>
                  </a:lnTo>
                  <a:lnTo>
                    <a:pt x="2804" y="453"/>
                  </a:lnTo>
                  <a:lnTo>
                    <a:pt x="2804" y="453"/>
                  </a:lnTo>
                  <a:close/>
                  <a:moveTo>
                    <a:pt x="2566" y="278"/>
                  </a:moveTo>
                  <a:lnTo>
                    <a:pt x="2566" y="278"/>
                  </a:lnTo>
                  <a:cubicBezTo>
                    <a:pt x="2543" y="247"/>
                    <a:pt x="2512" y="229"/>
                    <a:pt x="2483" y="229"/>
                  </a:cubicBezTo>
                  <a:cubicBezTo>
                    <a:pt x="2431" y="229"/>
                    <a:pt x="2395" y="276"/>
                    <a:pt x="2395" y="346"/>
                  </a:cubicBezTo>
                  <a:cubicBezTo>
                    <a:pt x="2395" y="414"/>
                    <a:pt x="2427" y="494"/>
                    <a:pt x="2521" y="494"/>
                  </a:cubicBezTo>
                  <a:cubicBezTo>
                    <a:pt x="2553" y="494"/>
                    <a:pt x="2566" y="481"/>
                    <a:pt x="2566" y="450"/>
                  </a:cubicBezTo>
                  <a:lnTo>
                    <a:pt x="2566" y="278"/>
                  </a:lnTo>
                  <a:lnTo>
                    <a:pt x="2566" y="278"/>
                  </a:lnTo>
                  <a:close/>
                  <a:moveTo>
                    <a:pt x="2621" y="451"/>
                  </a:moveTo>
                  <a:lnTo>
                    <a:pt x="2621" y="451"/>
                  </a:lnTo>
                  <a:cubicBezTo>
                    <a:pt x="2621" y="482"/>
                    <a:pt x="2632" y="493"/>
                    <a:pt x="2669" y="493"/>
                  </a:cubicBezTo>
                  <a:lnTo>
                    <a:pt x="2669" y="507"/>
                  </a:lnTo>
                  <a:lnTo>
                    <a:pt x="2502" y="507"/>
                  </a:lnTo>
                  <a:cubicBezTo>
                    <a:pt x="2381" y="507"/>
                    <a:pt x="2336" y="425"/>
                    <a:pt x="2336" y="358"/>
                  </a:cubicBezTo>
                  <a:cubicBezTo>
                    <a:pt x="2336" y="277"/>
                    <a:pt x="2395" y="212"/>
                    <a:pt x="2470" y="212"/>
                  </a:cubicBezTo>
                  <a:cubicBezTo>
                    <a:pt x="2500" y="212"/>
                    <a:pt x="2530" y="223"/>
                    <a:pt x="2566" y="247"/>
                  </a:cubicBezTo>
                  <a:lnTo>
                    <a:pt x="2566" y="72"/>
                  </a:lnTo>
                  <a:cubicBezTo>
                    <a:pt x="2566" y="31"/>
                    <a:pt x="2556" y="23"/>
                    <a:pt x="2528" y="23"/>
                  </a:cubicBezTo>
                  <a:lnTo>
                    <a:pt x="2512" y="23"/>
                  </a:lnTo>
                  <a:lnTo>
                    <a:pt x="2512" y="9"/>
                  </a:lnTo>
                  <a:lnTo>
                    <a:pt x="2607" y="0"/>
                  </a:lnTo>
                  <a:lnTo>
                    <a:pt x="2621" y="0"/>
                  </a:lnTo>
                  <a:lnTo>
                    <a:pt x="2621" y="451"/>
                  </a:lnTo>
                  <a:lnTo>
                    <a:pt x="2621" y="451"/>
                  </a:lnTo>
                  <a:close/>
                  <a:moveTo>
                    <a:pt x="2236" y="318"/>
                  </a:moveTo>
                  <a:lnTo>
                    <a:pt x="2236" y="318"/>
                  </a:lnTo>
                  <a:cubicBezTo>
                    <a:pt x="2239" y="255"/>
                    <a:pt x="2196" y="229"/>
                    <a:pt x="2159" y="229"/>
                  </a:cubicBezTo>
                  <a:cubicBezTo>
                    <a:pt x="2112" y="229"/>
                    <a:pt x="2083" y="265"/>
                    <a:pt x="2080" y="318"/>
                  </a:cubicBezTo>
                  <a:lnTo>
                    <a:pt x="2236" y="318"/>
                  </a:lnTo>
                  <a:lnTo>
                    <a:pt x="2236" y="318"/>
                  </a:lnTo>
                  <a:close/>
                  <a:moveTo>
                    <a:pt x="2080" y="332"/>
                  </a:moveTo>
                  <a:lnTo>
                    <a:pt x="2080" y="332"/>
                  </a:lnTo>
                  <a:cubicBezTo>
                    <a:pt x="2079" y="461"/>
                    <a:pt x="2155" y="493"/>
                    <a:pt x="2194" y="493"/>
                  </a:cubicBezTo>
                  <a:cubicBezTo>
                    <a:pt x="2234" y="493"/>
                    <a:pt x="2254" y="479"/>
                    <a:pt x="2295" y="433"/>
                  </a:cubicBezTo>
                  <a:lnTo>
                    <a:pt x="2295" y="454"/>
                  </a:lnTo>
                  <a:cubicBezTo>
                    <a:pt x="2260" y="498"/>
                    <a:pt x="2227" y="515"/>
                    <a:pt x="2177" y="515"/>
                  </a:cubicBezTo>
                  <a:cubicBezTo>
                    <a:pt x="2088" y="515"/>
                    <a:pt x="2023" y="453"/>
                    <a:pt x="2023" y="367"/>
                  </a:cubicBezTo>
                  <a:cubicBezTo>
                    <a:pt x="2023" y="280"/>
                    <a:pt x="2086" y="212"/>
                    <a:pt x="2167" y="212"/>
                  </a:cubicBezTo>
                  <a:cubicBezTo>
                    <a:pt x="2233" y="212"/>
                    <a:pt x="2294" y="266"/>
                    <a:pt x="2290" y="332"/>
                  </a:cubicBezTo>
                  <a:lnTo>
                    <a:pt x="2080" y="332"/>
                  </a:lnTo>
                  <a:lnTo>
                    <a:pt x="2080" y="332"/>
                  </a:lnTo>
                  <a:close/>
                  <a:moveTo>
                    <a:pt x="1977" y="57"/>
                  </a:moveTo>
                  <a:lnTo>
                    <a:pt x="1977" y="57"/>
                  </a:lnTo>
                  <a:cubicBezTo>
                    <a:pt x="1937" y="58"/>
                    <a:pt x="1922" y="86"/>
                    <a:pt x="1925" y="129"/>
                  </a:cubicBezTo>
                  <a:lnTo>
                    <a:pt x="1949" y="414"/>
                  </a:lnTo>
                  <a:cubicBezTo>
                    <a:pt x="1954" y="471"/>
                    <a:pt x="1963" y="489"/>
                    <a:pt x="2006" y="493"/>
                  </a:cubicBezTo>
                  <a:lnTo>
                    <a:pt x="2006" y="507"/>
                  </a:lnTo>
                  <a:lnTo>
                    <a:pt x="1840" y="507"/>
                  </a:lnTo>
                  <a:lnTo>
                    <a:pt x="1840" y="493"/>
                  </a:lnTo>
                  <a:cubicBezTo>
                    <a:pt x="1878" y="486"/>
                    <a:pt x="1890" y="469"/>
                    <a:pt x="1887" y="423"/>
                  </a:cubicBezTo>
                  <a:lnTo>
                    <a:pt x="1865" y="124"/>
                  </a:lnTo>
                  <a:lnTo>
                    <a:pt x="1863" y="124"/>
                  </a:lnTo>
                  <a:lnTo>
                    <a:pt x="1705" y="507"/>
                  </a:lnTo>
                  <a:lnTo>
                    <a:pt x="1693" y="507"/>
                  </a:lnTo>
                  <a:lnTo>
                    <a:pt x="1537" y="124"/>
                  </a:lnTo>
                  <a:lnTo>
                    <a:pt x="1536" y="124"/>
                  </a:lnTo>
                  <a:lnTo>
                    <a:pt x="1510" y="410"/>
                  </a:lnTo>
                  <a:cubicBezTo>
                    <a:pt x="1506" y="456"/>
                    <a:pt x="1523" y="484"/>
                    <a:pt x="1570" y="493"/>
                  </a:cubicBezTo>
                  <a:lnTo>
                    <a:pt x="1570" y="507"/>
                  </a:lnTo>
                  <a:lnTo>
                    <a:pt x="1426" y="507"/>
                  </a:lnTo>
                  <a:lnTo>
                    <a:pt x="1426" y="493"/>
                  </a:lnTo>
                  <a:cubicBezTo>
                    <a:pt x="1473" y="486"/>
                    <a:pt x="1480" y="459"/>
                    <a:pt x="1485" y="408"/>
                  </a:cubicBezTo>
                  <a:lnTo>
                    <a:pt x="1513" y="90"/>
                  </a:lnTo>
                  <a:cubicBezTo>
                    <a:pt x="1495" y="70"/>
                    <a:pt x="1479" y="61"/>
                    <a:pt x="1453" y="57"/>
                  </a:cubicBezTo>
                  <a:lnTo>
                    <a:pt x="1453" y="44"/>
                  </a:lnTo>
                  <a:lnTo>
                    <a:pt x="1570" y="44"/>
                  </a:lnTo>
                  <a:lnTo>
                    <a:pt x="1718" y="408"/>
                  </a:lnTo>
                  <a:lnTo>
                    <a:pt x="1868" y="44"/>
                  </a:lnTo>
                  <a:lnTo>
                    <a:pt x="1977" y="44"/>
                  </a:lnTo>
                  <a:lnTo>
                    <a:pt x="1977" y="57"/>
                  </a:lnTo>
                  <a:lnTo>
                    <a:pt x="1977" y="57"/>
                  </a:lnTo>
                  <a:close/>
                  <a:moveTo>
                    <a:pt x="1294" y="444"/>
                  </a:moveTo>
                  <a:lnTo>
                    <a:pt x="1294" y="444"/>
                  </a:lnTo>
                  <a:cubicBezTo>
                    <a:pt x="1294" y="482"/>
                    <a:pt x="1302" y="493"/>
                    <a:pt x="1342" y="493"/>
                  </a:cubicBezTo>
                  <a:lnTo>
                    <a:pt x="1342" y="507"/>
                  </a:lnTo>
                  <a:lnTo>
                    <a:pt x="1190" y="507"/>
                  </a:lnTo>
                  <a:lnTo>
                    <a:pt x="1190" y="493"/>
                  </a:lnTo>
                  <a:cubicBezTo>
                    <a:pt x="1228" y="493"/>
                    <a:pt x="1239" y="484"/>
                    <a:pt x="1239" y="457"/>
                  </a:cubicBezTo>
                  <a:lnTo>
                    <a:pt x="1239" y="308"/>
                  </a:lnTo>
                  <a:cubicBezTo>
                    <a:pt x="1239" y="262"/>
                    <a:pt x="1206" y="242"/>
                    <a:pt x="1175" y="242"/>
                  </a:cubicBezTo>
                  <a:cubicBezTo>
                    <a:pt x="1147" y="242"/>
                    <a:pt x="1122" y="260"/>
                    <a:pt x="1093" y="298"/>
                  </a:cubicBezTo>
                  <a:lnTo>
                    <a:pt x="1093" y="438"/>
                  </a:lnTo>
                  <a:cubicBezTo>
                    <a:pt x="1093" y="482"/>
                    <a:pt x="1099" y="493"/>
                    <a:pt x="1142" y="493"/>
                  </a:cubicBezTo>
                  <a:lnTo>
                    <a:pt x="1142" y="507"/>
                  </a:lnTo>
                  <a:lnTo>
                    <a:pt x="991" y="507"/>
                  </a:lnTo>
                  <a:lnTo>
                    <a:pt x="991" y="493"/>
                  </a:lnTo>
                  <a:cubicBezTo>
                    <a:pt x="1029" y="493"/>
                    <a:pt x="1039" y="490"/>
                    <a:pt x="1039" y="438"/>
                  </a:cubicBezTo>
                  <a:lnTo>
                    <a:pt x="1039" y="277"/>
                  </a:lnTo>
                  <a:cubicBezTo>
                    <a:pt x="1039" y="242"/>
                    <a:pt x="1030" y="235"/>
                    <a:pt x="991" y="235"/>
                  </a:cubicBezTo>
                  <a:lnTo>
                    <a:pt x="991" y="221"/>
                  </a:lnTo>
                  <a:lnTo>
                    <a:pt x="1080" y="212"/>
                  </a:lnTo>
                  <a:lnTo>
                    <a:pt x="1093" y="212"/>
                  </a:lnTo>
                  <a:lnTo>
                    <a:pt x="1093" y="270"/>
                  </a:lnTo>
                  <a:cubicBezTo>
                    <a:pt x="1127" y="231"/>
                    <a:pt x="1161" y="212"/>
                    <a:pt x="1197" y="212"/>
                  </a:cubicBezTo>
                  <a:cubicBezTo>
                    <a:pt x="1245" y="212"/>
                    <a:pt x="1294" y="246"/>
                    <a:pt x="1294" y="315"/>
                  </a:cubicBezTo>
                  <a:lnTo>
                    <a:pt x="1294" y="444"/>
                  </a:lnTo>
                  <a:lnTo>
                    <a:pt x="1294" y="444"/>
                  </a:lnTo>
                  <a:close/>
                  <a:moveTo>
                    <a:pt x="930" y="444"/>
                  </a:moveTo>
                  <a:lnTo>
                    <a:pt x="930" y="444"/>
                  </a:lnTo>
                  <a:cubicBezTo>
                    <a:pt x="930" y="482"/>
                    <a:pt x="938" y="493"/>
                    <a:pt x="978" y="493"/>
                  </a:cubicBezTo>
                  <a:lnTo>
                    <a:pt x="978" y="507"/>
                  </a:lnTo>
                  <a:lnTo>
                    <a:pt x="826" y="507"/>
                  </a:lnTo>
                  <a:lnTo>
                    <a:pt x="826" y="493"/>
                  </a:lnTo>
                  <a:cubicBezTo>
                    <a:pt x="864" y="493"/>
                    <a:pt x="875" y="484"/>
                    <a:pt x="875" y="457"/>
                  </a:cubicBezTo>
                  <a:lnTo>
                    <a:pt x="875" y="308"/>
                  </a:lnTo>
                  <a:cubicBezTo>
                    <a:pt x="875" y="262"/>
                    <a:pt x="842" y="242"/>
                    <a:pt x="811" y="242"/>
                  </a:cubicBezTo>
                  <a:cubicBezTo>
                    <a:pt x="783" y="242"/>
                    <a:pt x="758" y="260"/>
                    <a:pt x="730" y="298"/>
                  </a:cubicBezTo>
                  <a:lnTo>
                    <a:pt x="730" y="438"/>
                  </a:lnTo>
                  <a:cubicBezTo>
                    <a:pt x="730" y="482"/>
                    <a:pt x="735" y="493"/>
                    <a:pt x="778" y="493"/>
                  </a:cubicBezTo>
                  <a:lnTo>
                    <a:pt x="778" y="507"/>
                  </a:lnTo>
                  <a:lnTo>
                    <a:pt x="627" y="507"/>
                  </a:lnTo>
                  <a:lnTo>
                    <a:pt x="627" y="493"/>
                  </a:lnTo>
                  <a:cubicBezTo>
                    <a:pt x="665" y="493"/>
                    <a:pt x="675" y="490"/>
                    <a:pt x="675" y="438"/>
                  </a:cubicBezTo>
                  <a:lnTo>
                    <a:pt x="675" y="277"/>
                  </a:lnTo>
                  <a:cubicBezTo>
                    <a:pt x="675" y="242"/>
                    <a:pt x="666" y="235"/>
                    <a:pt x="627" y="235"/>
                  </a:cubicBezTo>
                  <a:lnTo>
                    <a:pt x="627" y="221"/>
                  </a:lnTo>
                  <a:lnTo>
                    <a:pt x="716" y="212"/>
                  </a:lnTo>
                  <a:lnTo>
                    <a:pt x="730" y="212"/>
                  </a:lnTo>
                  <a:lnTo>
                    <a:pt x="730" y="270"/>
                  </a:lnTo>
                  <a:cubicBezTo>
                    <a:pt x="763" y="231"/>
                    <a:pt x="797" y="212"/>
                    <a:pt x="833" y="212"/>
                  </a:cubicBezTo>
                  <a:cubicBezTo>
                    <a:pt x="881" y="212"/>
                    <a:pt x="930" y="246"/>
                    <a:pt x="930" y="315"/>
                  </a:cubicBezTo>
                  <a:lnTo>
                    <a:pt x="930" y="444"/>
                  </a:lnTo>
                  <a:lnTo>
                    <a:pt x="930" y="444"/>
                  </a:lnTo>
                  <a:close/>
                  <a:moveTo>
                    <a:pt x="552" y="318"/>
                  </a:moveTo>
                  <a:lnTo>
                    <a:pt x="552" y="318"/>
                  </a:lnTo>
                  <a:cubicBezTo>
                    <a:pt x="555" y="255"/>
                    <a:pt x="512" y="229"/>
                    <a:pt x="475" y="229"/>
                  </a:cubicBezTo>
                  <a:cubicBezTo>
                    <a:pt x="428" y="229"/>
                    <a:pt x="399" y="265"/>
                    <a:pt x="396" y="318"/>
                  </a:cubicBezTo>
                  <a:lnTo>
                    <a:pt x="552" y="318"/>
                  </a:lnTo>
                  <a:lnTo>
                    <a:pt x="552" y="318"/>
                  </a:lnTo>
                  <a:close/>
                  <a:moveTo>
                    <a:pt x="396" y="332"/>
                  </a:moveTo>
                  <a:lnTo>
                    <a:pt x="396" y="332"/>
                  </a:lnTo>
                  <a:cubicBezTo>
                    <a:pt x="395" y="461"/>
                    <a:pt x="471" y="493"/>
                    <a:pt x="510" y="493"/>
                  </a:cubicBezTo>
                  <a:cubicBezTo>
                    <a:pt x="550" y="493"/>
                    <a:pt x="570" y="479"/>
                    <a:pt x="611" y="433"/>
                  </a:cubicBezTo>
                  <a:lnTo>
                    <a:pt x="611" y="454"/>
                  </a:lnTo>
                  <a:cubicBezTo>
                    <a:pt x="576" y="498"/>
                    <a:pt x="543" y="515"/>
                    <a:pt x="493" y="515"/>
                  </a:cubicBezTo>
                  <a:cubicBezTo>
                    <a:pt x="403" y="515"/>
                    <a:pt x="339" y="453"/>
                    <a:pt x="339" y="367"/>
                  </a:cubicBezTo>
                  <a:cubicBezTo>
                    <a:pt x="339" y="280"/>
                    <a:pt x="402" y="212"/>
                    <a:pt x="483" y="212"/>
                  </a:cubicBezTo>
                  <a:cubicBezTo>
                    <a:pt x="549" y="212"/>
                    <a:pt x="610" y="266"/>
                    <a:pt x="606" y="332"/>
                  </a:cubicBezTo>
                  <a:lnTo>
                    <a:pt x="396" y="332"/>
                  </a:lnTo>
                  <a:lnTo>
                    <a:pt x="396" y="332"/>
                  </a:lnTo>
                  <a:close/>
                  <a:moveTo>
                    <a:pt x="114" y="269"/>
                  </a:moveTo>
                  <a:lnTo>
                    <a:pt x="114" y="269"/>
                  </a:lnTo>
                  <a:cubicBezTo>
                    <a:pt x="135" y="276"/>
                    <a:pt x="147" y="277"/>
                    <a:pt x="172" y="277"/>
                  </a:cubicBezTo>
                  <a:cubicBezTo>
                    <a:pt x="240" y="277"/>
                    <a:pt x="284" y="240"/>
                    <a:pt x="284" y="177"/>
                  </a:cubicBezTo>
                  <a:cubicBezTo>
                    <a:pt x="284" y="128"/>
                    <a:pt x="257" y="61"/>
                    <a:pt x="172" y="61"/>
                  </a:cubicBezTo>
                  <a:lnTo>
                    <a:pt x="114" y="61"/>
                  </a:lnTo>
                  <a:lnTo>
                    <a:pt x="114" y="269"/>
                  </a:lnTo>
                  <a:lnTo>
                    <a:pt x="114" y="269"/>
                  </a:lnTo>
                  <a:close/>
                  <a:moveTo>
                    <a:pt x="114" y="419"/>
                  </a:moveTo>
                  <a:lnTo>
                    <a:pt x="114" y="419"/>
                  </a:lnTo>
                  <a:cubicBezTo>
                    <a:pt x="114" y="477"/>
                    <a:pt x="128" y="493"/>
                    <a:pt x="167" y="493"/>
                  </a:cubicBezTo>
                  <a:lnTo>
                    <a:pt x="167" y="507"/>
                  </a:lnTo>
                  <a:lnTo>
                    <a:pt x="0" y="507"/>
                  </a:lnTo>
                  <a:lnTo>
                    <a:pt x="0" y="493"/>
                  </a:lnTo>
                  <a:cubicBezTo>
                    <a:pt x="33" y="493"/>
                    <a:pt x="53" y="482"/>
                    <a:pt x="53" y="421"/>
                  </a:cubicBezTo>
                  <a:lnTo>
                    <a:pt x="53" y="131"/>
                  </a:lnTo>
                  <a:cubicBezTo>
                    <a:pt x="53" y="74"/>
                    <a:pt x="39" y="57"/>
                    <a:pt x="0" y="57"/>
                  </a:cubicBezTo>
                  <a:lnTo>
                    <a:pt x="0" y="44"/>
                  </a:lnTo>
                  <a:lnTo>
                    <a:pt x="169" y="44"/>
                  </a:lnTo>
                  <a:cubicBezTo>
                    <a:pt x="297" y="44"/>
                    <a:pt x="349" y="111"/>
                    <a:pt x="349" y="175"/>
                  </a:cubicBezTo>
                  <a:cubicBezTo>
                    <a:pt x="349" y="252"/>
                    <a:pt x="290" y="295"/>
                    <a:pt x="185" y="295"/>
                  </a:cubicBezTo>
                  <a:cubicBezTo>
                    <a:pt x="165" y="295"/>
                    <a:pt x="148" y="294"/>
                    <a:pt x="114" y="290"/>
                  </a:cubicBezTo>
                  <a:lnTo>
                    <a:pt x="114" y="419"/>
                  </a:lnTo>
                  <a:lnTo>
                    <a:pt x="114" y="419"/>
                  </a:lnTo>
                  <a:close/>
                  <a:moveTo>
                    <a:pt x="3135" y="313"/>
                  </a:moveTo>
                  <a:lnTo>
                    <a:pt x="3135" y="313"/>
                  </a:lnTo>
                  <a:lnTo>
                    <a:pt x="3121" y="313"/>
                  </a:lnTo>
                  <a:cubicBezTo>
                    <a:pt x="3109" y="262"/>
                    <a:pt x="3073" y="229"/>
                    <a:pt x="3025" y="229"/>
                  </a:cubicBezTo>
                  <a:cubicBezTo>
                    <a:pt x="2968" y="229"/>
                    <a:pt x="2929" y="277"/>
                    <a:pt x="2929" y="347"/>
                  </a:cubicBezTo>
                  <a:cubicBezTo>
                    <a:pt x="2929" y="426"/>
                    <a:pt x="2978" y="491"/>
                    <a:pt x="3036" y="491"/>
                  </a:cubicBezTo>
                  <a:cubicBezTo>
                    <a:pt x="3071" y="491"/>
                    <a:pt x="3113" y="473"/>
                    <a:pt x="3143" y="431"/>
                  </a:cubicBezTo>
                  <a:lnTo>
                    <a:pt x="3143" y="452"/>
                  </a:lnTo>
                  <a:cubicBezTo>
                    <a:pt x="3112" y="494"/>
                    <a:pt x="3069" y="515"/>
                    <a:pt x="3017" y="515"/>
                  </a:cubicBezTo>
                  <a:cubicBezTo>
                    <a:pt x="2932" y="515"/>
                    <a:pt x="2873" y="456"/>
                    <a:pt x="2873" y="371"/>
                  </a:cubicBezTo>
                  <a:cubicBezTo>
                    <a:pt x="2873" y="283"/>
                    <a:pt x="2939" y="212"/>
                    <a:pt x="3021" y="212"/>
                  </a:cubicBezTo>
                  <a:cubicBezTo>
                    <a:pt x="3064" y="212"/>
                    <a:pt x="3087" y="229"/>
                    <a:pt x="3102" y="229"/>
                  </a:cubicBezTo>
                  <a:cubicBezTo>
                    <a:pt x="3109" y="229"/>
                    <a:pt x="3116" y="223"/>
                    <a:pt x="3121" y="212"/>
                  </a:cubicBezTo>
                  <a:lnTo>
                    <a:pt x="3135" y="212"/>
                  </a:lnTo>
                  <a:lnTo>
                    <a:pt x="3135" y="313"/>
                  </a:lnTo>
                  <a:close/>
                </a:path>
              </a:pathLst>
            </a:custGeom>
            <a:solidFill>
              <a:schemeClr val="bg1"/>
            </a:solidFill>
            <a:ln w="0">
              <a:noFill/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2409979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370138"/>
            <a:ext cx="9826625" cy="264687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6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831857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C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31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b629212b-aba2-422f-a8af-fd93b3a4d254&quot;}}">
            <a:extLst>
              <a:ext uri="{FF2B5EF4-FFF2-40B4-BE49-F238E27FC236}">
                <a16:creationId xmlns:a16="http://schemas.microsoft.com/office/drawing/2014/main" id="{7F5AAA95-4262-DACC-6539-F83764B3EBBF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561252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626988C-588C-2C8A-2DC0-5D2C99DF44FE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89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5e7a4020-5197-42b5-a0a1-76d93439fe1b&quot;}}">
            <a:extLst>
              <a:ext uri="{FF2B5EF4-FFF2-40B4-BE49-F238E27FC236}">
                <a16:creationId xmlns:a16="http://schemas.microsoft.com/office/drawing/2014/main" id="{5AE369FE-ED76-6EEE-3247-2A919AD7045B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024483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9b31465-7178-466a-8f42-3e4972402eff&quot;}}">
            <a:extLst>
              <a:ext uri="{FF2B5EF4-FFF2-40B4-BE49-F238E27FC236}">
                <a16:creationId xmlns:a16="http://schemas.microsoft.com/office/drawing/2014/main" id="{A24A8258-9B07-0170-490D-F13D7253F27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7024408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31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62dd52fa-754b-4464-afdb-3af5137dce98&quot;}}">
            <a:extLst>
              <a:ext uri="{FF2B5EF4-FFF2-40B4-BE49-F238E27FC236}">
                <a16:creationId xmlns:a16="http://schemas.microsoft.com/office/drawing/2014/main" id="{A5498BB6-9C05-CEB9-2389-021308A18C5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30939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50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tags" Target="../tags/tag2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48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49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FEBF82-8BAB-1E5B-37EF-020818D104B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15138" y="6439469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19138" y="6439469"/>
            <a:ext cx="396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4" name="Footers" descr="{&quot;templafy&quot;:{&quot;id&quot;:&quot;7bd821ab-2b5a-4feb-809b-9e9351837c7c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956081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59" r:id="rId4"/>
    <p:sldLayoutId id="2147483660" r:id="rId5"/>
    <p:sldLayoutId id="2147483667" r:id="rId6"/>
    <p:sldLayoutId id="2147483666" r:id="rId7"/>
    <p:sldLayoutId id="2147483661" r:id="rId8"/>
    <p:sldLayoutId id="2147483662" r:id="rId9"/>
    <p:sldLayoutId id="2147483663" r:id="rId10"/>
    <p:sldLayoutId id="2147483664" r:id="rId11"/>
    <p:sldLayoutId id="2147483665" r:id="rId12"/>
    <p:sldLayoutId id="2147483650" r:id="rId13"/>
    <p:sldLayoutId id="2147483653" r:id="rId14"/>
    <p:sldLayoutId id="2147483668" r:id="rId15"/>
    <p:sldLayoutId id="2147483669" r:id="rId16"/>
    <p:sldLayoutId id="2147483651" r:id="rId17"/>
    <p:sldLayoutId id="2147483652" r:id="rId18"/>
    <p:sldLayoutId id="2147483654" r:id="rId19"/>
    <p:sldLayoutId id="2147483655" r:id="rId20"/>
    <p:sldLayoutId id="2147483670" r:id="rId21"/>
    <p:sldLayoutId id="2147483671" r:id="rId22"/>
    <p:sldLayoutId id="2147483672" r:id="rId23"/>
    <p:sldLayoutId id="2147483693" r:id="rId24"/>
    <p:sldLayoutId id="2147483694" r:id="rId25"/>
    <p:sldLayoutId id="2147483673" r:id="rId26"/>
    <p:sldLayoutId id="2147483674" r:id="rId27"/>
    <p:sldLayoutId id="2147483675" r:id="rId28"/>
    <p:sldLayoutId id="2147483676" r:id="rId29"/>
    <p:sldLayoutId id="2147483677" r:id="rId30"/>
    <p:sldLayoutId id="2147483678" r:id="rId31"/>
    <p:sldLayoutId id="2147483679" r:id="rId32"/>
    <p:sldLayoutId id="2147483680" r:id="rId33"/>
    <p:sldLayoutId id="2147483690" r:id="rId34"/>
    <p:sldLayoutId id="2147483681" r:id="rId35"/>
    <p:sldLayoutId id="2147483682" r:id="rId36"/>
    <p:sldLayoutId id="2147483683" r:id="rId37"/>
    <p:sldLayoutId id="2147483692" r:id="rId38"/>
    <p:sldLayoutId id="2147483684" r:id="rId39"/>
    <p:sldLayoutId id="2147483685" r:id="rId40"/>
    <p:sldLayoutId id="2147483686" r:id="rId41"/>
    <p:sldLayoutId id="2147483687" r:id="rId42"/>
    <p:sldLayoutId id="2147483688" r:id="rId43"/>
    <p:sldLayoutId id="2147483689" r:id="rId44"/>
    <p:sldLayoutId id="2147483656" r:id="rId45"/>
    <p:sldLayoutId id="2147483691" r:id="rId46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4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4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2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2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18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6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4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4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100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5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0A44E20-FC1F-B58B-F256-050DF9BE797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Pump, CGM and </a:t>
            </a:r>
            <a:r>
              <a:rPr lang="en-US" dirty="0" err="1"/>
              <a:t>Inpen</a:t>
            </a:r>
            <a:r>
              <a:rPr lang="en-US" dirty="0"/>
              <a:t> Onboarding Process Maps</a:t>
            </a:r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702FB05C-DD6E-7930-62AF-4F0317DF64C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>
              <a:latin typeface="+mj-lt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A8AB653-73E8-05CF-EE6A-C97CDC39818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F17925E-7101-C045-A69F-C62D62D8A8D8}" type="datetime4">
              <a:rPr lang="en-US" smtClean="0"/>
              <a:pPr/>
              <a:t>May 31, 2023</a:t>
            </a:fld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6D2E7713-95D1-EF3A-14F4-0A419A859B0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3F78AF4E-5FB1-4DB5-DBA3-3A562EA14B8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20000" y="5568027"/>
            <a:ext cx="5194300" cy="180000"/>
          </a:xfrm>
        </p:spPr>
        <p:txBody>
          <a:bodyPr/>
          <a:lstStyle/>
          <a:p>
            <a:endParaRPr lang="en-GB" sz="130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2D395941-E43C-35C8-71FA-F7C471043B9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20000" y="5804922"/>
            <a:ext cx="5194300" cy="180000"/>
          </a:xfrm>
        </p:spPr>
        <p:txBody>
          <a:bodyPr/>
          <a:lstStyle/>
          <a:p>
            <a:endParaRPr lang="en-GB" sz="13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524166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EB06CA-F23F-21C4-C699-46B87D46BC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B530299-CA6B-4E8C-BCCE-DD62263A5EED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A8117B6-176C-1F52-DCD1-B9EC197C73C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sp>
        <p:nvSpPr>
          <p:cNvPr id="10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95817" y="1802708"/>
            <a:ext cx="1359357" cy="1119739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Patient interested in pump (discuss in OV or </a:t>
            </a:r>
            <a:r>
              <a:rPr lang="en-US" sz="1200" dirty="0" err="1"/>
              <a:t>pt</a:t>
            </a:r>
            <a:r>
              <a:rPr lang="en-US" sz="1200" dirty="0"/>
              <a:t> initiated)</a:t>
            </a:r>
          </a:p>
        </p:txBody>
      </p:sp>
      <p:cxnSp>
        <p:nvCxnSpPr>
          <p:cNvPr id="3" name="Straight Arrow Connector 2"/>
          <p:cNvCxnSpPr>
            <a:stCxn id="10" idx="3"/>
            <a:endCxn id="11" idx="1"/>
          </p:cNvCxnSpPr>
          <p:nvPr/>
        </p:nvCxnSpPr>
        <p:spPr>
          <a:xfrm flipV="1">
            <a:off x="1455174" y="2145272"/>
            <a:ext cx="637629" cy="217306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092803" y="1471762"/>
            <a:ext cx="1557337" cy="1347020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>
            <a:normAutofit fontScale="55000" lnSpcReduction="20000"/>
          </a:bodyPr>
          <a:lstStyle/>
          <a:p>
            <a:pPr marL="0" indent="0" algn="ctr">
              <a:buNone/>
            </a:pPr>
            <a:endParaRPr lang="en-US" sz="1400" dirty="0"/>
          </a:p>
          <a:p>
            <a:pPr marL="0" indent="0" algn="ctr">
              <a:buNone/>
            </a:pPr>
            <a:r>
              <a:rPr lang="en-US" sz="1900" b="1" dirty="0"/>
              <a:t>Has this person had a pump before?</a:t>
            </a:r>
          </a:p>
          <a:p>
            <a:pPr marL="0" indent="0" algn="ctr">
              <a:buNone/>
            </a:pPr>
            <a:endParaRPr lang="en-US" sz="1400" dirty="0"/>
          </a:p>
        </p:txBody>
      </p:sp>
      <p:cxnSp>
        <p:nvCxnSpPr>
          <p:cNvPr id="14" name="Straight Arrow Connector 13"/>
          <p:cNvCxnSpPr>
            <a:stCxn id="11" idx="2"/>
            <a:endCxn id="31" idx="0"/>
          </p:cNvCxnSpPr>
          <p:nvPr/>
        </p:nvCxnSpPr>
        <p:spPr>
          <a:xfrm flipH="1">
            <a:off x="1442812" y="2818782"/>
            <a:ext cx="1428660" cy="590348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/>
          <p:cNvSpPr txBox="1"/>
          <p:nvPr/>
        </p:nvSpPr>
        <p:spPr>
          <a:xfrm>
            <a:off x="2273847" y="3071037"/>
            <a:ext cx="42195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NO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3883231" y="1402353"/>
            <a:ext cx="537700" cy="2454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YES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558574" y="3409130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Schedule Pump 101 with Taylor: general pump education/questions</a:t>
            </a:r>
          </a:p>
        </p:txBody>
      </p:sp>
      <p:cxnSp>
        <p:nvCxnSpPr>
          <p:cNvPr id="32" name="Straight Arrow Connector 31"/>
          <p:cNvCxnSpPr>
            <a:stCxn id="31" idx="2"/>
            <a:endCxn id="33" idx="0"/>
          </p:cNvCxnSpPr>
          <p:nvPr/>
        </p:nvCxnSpPr>
        <p:spPr>
          <a:xfrm flipH="1">
            <a:off x="980055" y="4165359"/>
            <a:ext cx="462757" cy="888649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95817" y="5054008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Record process of Taylor's visits: OV, scheduled ahead of time, or same day as NP visit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4161158" y="4757316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50" dirty="0"/>
              <a:t>Schedule Pump Intro visit +/- medical visit with Laura/NP: BG and insulin overview, extensive info for pumping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 txBox="1">
            <a:spLocks/>
          </p:cNvSpPr>
          <p:nvPr/>
        </p:nvSpPr>
        <p:spPr>
          <a:xfrm>
            <a:off x="8388373" y="1807976"/>
            <a:ext cx="1354725" cy="923959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lIns="0" tIns="0" rIns="0" bIns="0" rtlCol="0" anchor="ctr">
            <a:normAutofit fontScale="70000" lnSpcReduction="20000"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1368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chemeClr val="accent3"/>
              </a:buClr>
              <a:buFont typeface="Arial" panose="020B0604020202020204" pitchFamily="34" charset="0"/>
              <a:buChar char="•"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320400" indent="-1836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Clr>
                <a:schemeClr val="accent1"/>
              </a:buClr>
              <a:buFont typeface="Calibri Light" panose="020F0302020204030204" pitchFamily="34" charset="0"/>
              <a:buChar char="—"/>
              <a:defRPr sz="12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3pPr>
            <a:lvl4pPr marL="504000" indent="-18360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300"/>
              </a:spcAft>
              <a:buClr>
                <a:srgbClr val="9EC3E1"/>
              </a:buClr>
              <a:buFont typeface="Courier New" panose="02070309020205020404" pitchFamily="49" charset="0"/>
              <a:buChar char="o"/>
              <a:defRPr sz="12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kern="1200" cap="all" spc="200" baseline="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buFont typeface="Arial" panose="020B0604020202020204" pitchFamily="34" charset="0"/>
              <a:buNone/>
              <a:defRPr sz="1600" b="1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None/>
              <a:defRPr sz="1400" b="1" kern="1200" cap="all" spc="180" baseline="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400" b="1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None/>
              <a:defRPr sz="11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/>
              <a:t>Are they approved to start pump?</a:t>
            </a:r>
          </a:p>
          <a:p>
            <a:pPr algn="ctr"/>
            <a:endParaRPr lang="en-US" dirty="0"/>
          </a:p>
        </p:txBody>
      </p:sp>
      <p:cxnSp>
        <p:nvCxnSpPr>
          <p:cNvPr id="21" name="Straight Arrow Connector 20"/>
          <p:cNvCxnSpPr/>
          <p:nvPr/>
        </p:nvCxnSpPr>
        <p:spPr>
          <a:xfrm>
            <a:off x="9068001" y="2731935"/>
            <a:ext cx="8025" cy="547817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 21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8268056" y="3269456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400" dirty="0"/>
              <a:t>Address concerns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9146641" y="2791214"/>
            <a:ext cx="48706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NO</a:t>
            </a:r>
          </a:p>
        </p:txBody>
      </p:sp>
      <p:cxnSp>
        <p:nvCxnSpPr>
          <p:cNvPr id="47" name="Straight Arrow Connector 46"/>
          <p:cNvCxnSpPr/>
          <p:nvPr/>
        </p:nvCxnSpPr>
        <p:spPr>
          <a:xfrm flipV="1">
            <a:off x="9743098" y="2279454"/>
            <a:ext cx="558592" cy="4946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/>
          <p:cNvSpPr txBox="1"/>
          <p:nvPr/>
        </p:nvSpPr>
        <p:spPr>
          <a:xfrm>
            <a:off x="9851826" y="2023734"/>
            <a:ext cx="54420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YES</a:t>
            </a: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10287319" y="1884188"/>
            <a:ext cx="1295081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50" dirty="0"/>
              <a:t>Insulin Pump Start-Up with pump rep or virtually if not new to pump </a:t>
            </a:r>
          </a:p>
        </p:txBody>
      </p:sp>
      <p:cxnSp>
        <p:nvCxnSpPr>
          <p:cNvPr id="60" name="Straight Arrow Connector 59"/>
          <p:cNvCxnSpPr/>
          <p:nvPr/>
        </p:nvCxnSpPr>
        <p:spPr>
          <a:xfrm>
            <a:off x="10946079" y="2640417"/>
            <a:ext cx="8025" cy="547817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2" name="Rectangle 61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10287319" y="3188234"/>
            <a:ext cx="1295081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50" dirty="0"/>
              <a:t>Follow-up with NP in 4-6 weeks</a:t>
            </a:r>
          </a:p>
        </p:txBody>
      </p:sp>
      <p:sp>
        <p:nvSpPr>
          <p:cNvPr id="63" name="Explosion 1 63">
            <a:extLst>
              <a:ext uri="{FF2B5EF4-FFF2-40B4-BE49-F238E27FC236}">
                <a16:creationId xmlns:a16="http://schemas.microsoft.com/office/drawing/2014/main" id="{38537995-AEBB-448C-8F9D-F867BDC2FC1D}"/>
              </a:ext>
            </a:extLst>
          </p:cNvPr>
          <p:cNvSpPr/>
          <p:nvPr/>
        </p:nvSpPr>
        <p:spPr>
          <a:xfrm>
            <a:off x="11343252" y="3022278"/>
            <a:ext cx="369326" cy="331912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388661" y="4727745"/>
            <a:ext cx="1589974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50" dirty="0"/>
              <a:t>Schedule Advanced Nutrition visit with Carolyn: Carb counting, ICR, </a:t>
            </a:r>
            <a:r>
              <a:rPr lang="en-US" sz="1050" dirty="0" err="1"/>
              <a:t>bolusing</a:t>
            </a:r>
            <a:r>
              <a:rPr lang="en-US" sz="1050" dirty="0"/>
              <a:t> </a:t>
            </a:r>
          </a:p>
        </p:txBody>
      </p:sp>
      <p:cxnSp>
        <p:nvCxnSpPr>
          <p:cNvPr id="35" name="Straight Arrow Connector 34"/>
          <p:cNvCxnSpPr/>
          <p:nvPr/>
        </p:nvCxnSpPr>
        <p:spPr>
          <a:xfrm>
            <a:off x="7944645" y="2269956"/>
            <a:ext cx="443728" cy="9498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/>
          <p:cNvSpPr txBox="1"/>
          <p:nvPr/>
        </p:nvSpPr>
        <p:spPr>
          <a:xfrm>
            <a:off x="95817" y="148580"/>
            <a:ext cx="8427503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4000" b="1" dirty="0">
                <a:solidFill>
                  <a:schemeClr val="accent1"/>
                </a:solidFill>
              </a:rPr>
              <a:t>Pump Process</a:t>
            </a:r>
          </a:p>
        </p:txBody>
      </p:sp>
      <p:sp>
        <p:nvSpPr>
          <p:cNvPr id="36" name="Explosion 1 63">
            <a:extLst>
              <a:ext uri="{FF2B5EF4-FFF2-40B4-BE49-F238E27FC236}">
                <a16:creationId xmlns:a16="http://schemas.microsoft.com/office/drawing/2014/main" id="{38537995-AEBB-448C-8F9D-F867BDC2FC1D}"/>
              </a:ext>
            </a:extLst>
          </p:cNvPr>
          <p:cNvSpPr/>
          <p:nvPr/>
        </p:nvSpPr>
        <p:spPr>
          <a:xfrm>
            <a:off x="7759982" y="4562796"/>
            <a:ext cx="369326" cy="331912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cxnSp>
        <p:nvCxnSpPr>
          <p:cNvPr id="37" name="Elbow Connector 36"/>
          <p:cNvCxnSpPr>
            <a:endCxn id="57" idx="0"/>
          </p:cNvCxnSpPr>
          <p:nvPr/>
        </p:nvCxnSpPr>
        <p:spPr>
          <a:xfrm flipV="1">
            <a:off x="3649435" y="1884188"/>
            <a:ext cx="7285425" cy="224677"/>
          </a:xfrm>
          <a:prstGeom prst="bentConnector4">
            <a:avLst>
              <a:gd name="adj1" fmla="val -381"/>
              <a:gd name="adj2" fmla="val 201746"/>
            </a:avLst>
          </a:prstGeom>
          <a:ln w="381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4" name="Straight Arrow Connector 43"/>
          <p:cNvCxnSpPr/>
          <p:nvPr/>
        </p:nvCxnSpPr>
        <p:spPr>
          <a:xfrm>
            <a:off x="3717430" y="5105860"/>
            <a:ext cx="443728" cy="9498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/>
          <p:cNvCxnSpPr/>
          <p:nvPr/>
        </p:nvCxnSpPr>
        <p:spPr>
          <a:xfrm>
            <a:off x="5937283" y="5110609"/>
            <a:ext cx="443728" cy="9498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Elbow Connector 37"/>
          <p:cNvCxnSpPr>
            <a:endCxn id="19" idx="1"/>
          </p:cNvCxnSpPr>
          <p:nvPr/>
        </p:nvCxnSpPr>
        <p:spPr>
          <a:xfrm rot="5400000" flipH="1" flipV="1">
            <a:off x="6481160" y="2820533"/>
            <a:ext cx="2457789" cy="1356637"/>
          </a:xfrm>
          <a:prstGeom prst="bentConnector2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Explosion 1 63">
            <a:extLst>
              <a:ext uri="{FF2B5EF4-FFF2-40B4-BE49-F238E27FC236}">
                <a16:creationId xmlns:a16="http://schemas.microsoft.com/office/drawing/2014/main" id="{38537995-AEBB-448C-8F9D-F867BDC2FC1D}"/>
              </a:ext>
            </a:extLst>
          </p:cNvPr>
          <p:cNvSpPr/>
          <p:nvPr/>
        </p:nvSpPr>
        <p:spPr>
          <a:xfrm>
            <a:off x="11406843" y="1776953"/>
            <a:ext cx="369326" cy="331912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cxnSp>
        <p:nvCxnSpPr>
          <p:cNvPr id="8" name="Elbow Connector 7"/>
          <p:cNvCxnSpPr>
            <a:stCxn id="46" idx="2"/>
            <a:endCxn id="34" idx="2"/>
          </p:cNvCxnSpPr>
          <p:nvPr/>
        </p:nvCxnSpPr>
        <p:spPr>
          <a:xfrm rot="5400000" flipH="1" flipV="1">
            <a:off x="4951464" y="3495334"/>
            <a:ext cx="243544" cy="4220823"/>
          </a:xfrm>
          <a:prstGeom prst="bentConnector3">
            <a:avLst>
              <a:gd name="adj1" fmla="val -93864"/>
            </a:avLst>
          </a:prstGeom>
          <a:ln w="38100">
            <a:solidFill>
              <a:schemeClr val="accent6">
                <a:lumMod val="1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84156" y="4380498"/>
            <a:ext cx="1557337" cy="1347020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>
            <a:normAutofit fontScale="55000" lnSpcReduction="20000"/>
          </a:bodyPr>
          <a:lstStyle/>
          <a:p>
            <a:pPr marL="0" indent="0" algn="ctr">
              <a:buNone/>
            </a:pPr>
            <a:endParaRPr lang="en-US" sz="1400" dirty="0"/>
          </a:p>
          <a:p>
            <a:pPr marL="0" indent="0" algn="ctr">
              <a:buNone/>
            </a:pPr>
            <a:r>
              <a:rPr lang="en-US" sz="1900" b="1" dirty="0"/>
              <a:t>Does </a:t>
            </a:r>
            <a:r>
              <a:rPr lang="en-US" sz="1900" b="1" dirty="0" err="1"/>
              <a:t>pt</a:t>
            </a:r>
            <a:r>
              <a:rPr lang="en-US" sz="1900" b="1" dirty="0"/>
              <a:t> need additional support</a:t>
            </a:r>
          </a:p>
          <a:p>
            <a:pPr marL="0" indent="0" algn="ctr">
              <a:buNone/>
            </a:pPr>
            <a:endParaRPr lang="en-US" sz="1400" dirty="0"/>
          </a:p>
        </p:txBody>
      </p:sp>
      <p:cxnSp>
        <p:nvCxnSpPr>
          <p:cNvPr id="49" name="Straight Arrow Connector 48"/>
          <p:cNvCxnSpPr/>
          <p:nvPr/>
        </p:nvCxnSpPr>
        <p:spPr>
          <a:xfrm flipV="1">
            <a:off x="1871942" y="5323469"/>
            <a:ext cx="637629" cy="217306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/>
          <p:cNvSpPr txBox="1"/>
          <p:nvPr/>
        </p:nvSpPr>
        <p:spPr>
          <a:xfrm>
            <a:off x="3717430" y="4808587"/>
            <a:ext cx="537700" cy="2454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YES</a:t>
            </a:r>
          </a:p>
        </p:txBody>
      </p:sp>
      <p:sp>
        <p:nvSpPr>
          <p:cNvPr id="54" name="TextBox 53"/>
          <p:cNvSpPr txBox="1"/>
          <p:nvPr/>
        </p:nvSpPr>
        <p:spPr>
          <a:xfrm>
            <a:off x="4467782" y="5697289"/>
            <a:ext cx="42195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latin typeface="+mj-lt"/>
              </a:rPr>
              <a:t>NO</a:t>
            </a:r>
          </a:p>
        </p:txBody>
      </p:sp>
      <p:cxnSp>
        <p:nvCxnSpPr>
          <p:cNvPr id="55" name="Straight Arrow Connector 54"/>
          <p:cNvCxnSpPr>
            <a:endCxn id="57" idx="2"/>
          </p:cNvCxnSpPr>
          <p:nvPr/>
        </p:nvCxnSpPr>
        <p:spPr>
          <a:xfrm flipV="1">
            <a:off x="9354410" y="2640417"/>
            <a:ext cx="1580450" cy="619540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840124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0867" y="112653"/>
            <a:ext cx="10753724" cy="561600"/>
          </a:xfrm>
        </p:spPr>
        <p:txBody>
          <a:bodyPr/>
          <a:lstStyle/>
          <a:p>
            <a:r>
              <a:rPr lang="en-US" dirty="0"/>
              <a:t>CGM Process</a:t>
            </a:r>
            <a:br>
              <a:rPr lang="en-US" dirty="0"/>
            </a:b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sp>
        <p:nvSpPr>
          <p:cNvPr id="8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110867" y="678349"/>
            <a:ext cx="1707041" cy="74702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Patient interested CGM/Provider believes </a:t>
            </a:r>
            <a:r>
              <a:rPr lang="en-US" sz="1200" dirty="0" err="1"/>
              <a:t>pt</a:t>
            </a:r>
            <a:r>
              <a:rPr lang="en-US" sz="1200" dirty="0"/>
              <a:t> would benefit from CGM</a:t>
            </a:r>
          </a:p>
        </p:txBody>
      </p:sp>
      <p:cxnSp>
        <p:nvCxnSpPr>
          <p:cNvPr id="9" name="Straight Arrow Connector 8"/>
          <p:cNvCxnSpPr/>
          <p:nvPr/>
        </p:nvCxnSpPr>
        <p:spPr>
          <a:xfrm>
            <a:off x="1042163" y="1444655"/>
            <a:ext cx="0" cy="467235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Rectangle 10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2935943" y="1664596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Provider supplies </a:t>
            </a:r>
            <a:r>
              <a:rPr lang="en-US" sz="1000" dirty="0" err="1"/>
              <a:t>pt</a:t>
            </a:r>
            <a:r>
              <a:rPr lang="en-US" sz="1000" dirty="0"/>
              <a:t> with CGM supplies and then sends script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16375" y="1373804"/>
            <a:ext cx="1557337" cy="1347020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>
            <a:normAutofit fontScale="70000" lnSpcReduction="20000"/>
          </a:bodyPr>
          <a:lstStyle/>
          <a:p>
            <a:pPr marL="0" indent="0" algn="ctr">
              <a:buNone/>
            </a:pPr>
            <a:endParaRPr lang="en-US" sz="1400" dirty="0"/>
          </a:p>
          <a:p>
            <a:pPr marL="0" indent="0" algn="ctr">
              <a:buNone/>
            </a:pPr>
            <a:r>
              <a:rPr lang="en-US" sz="1900" b="1" dirty="0"/>
              <a:t>Where is script sent?</a:t>
            </a:r>
          </a:p>
          <a:p>
            <a:pPr marL="0" indent="0" algn="ctr">
              <a:buNone/>
            </a:pPr>
            <a:endParaRPr lang="en-US" sz="1400" dirty="0"/>
          </a:p>
        </p:txBody>
      </p:sp>
      <p:cxnSp>
        <p:nvCxnSpPr>
          <p:cNvPr id="13" name="Straight Arrow Connector 12"/>
          <p:cNvCxnSpPr>
            <a:stCxn id="11" idx="3"/>
          </p:cNvCxnSpPr>
          <p:nvPr/>
        </p:nvCxnSpPr>
        <p:spPr>
          <a:xfrm>
            <a:off x="4704418" y="2042711"/>
            <a:ext cx="390777" cy="1098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/>
          <p:cNvCxnSpPr>
            <a:stCxn id="12" idx="3"/>
            <a:endCxn id="20" idx="1"/>
          </p:cNvCxnSpPr>
          <p:nvPr/>
        </p:nvCxnSpPr>
        <p:spPr>
          <a:xfrm flipV="1">
            <a:off x="6573712" y="2025777"/>
            <a:ext cx="575335" cy="21537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/>
          <p:cNvSpPr txBox="1"/>
          <p:nvPr/>
        </p:nvSpPr>
        <p:spPr>
          <a:xfrm>
            <a:off x="7149047" y="1918055"/>
            <a:ext cx="141299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accent1"/>
                </a:solidFill>
                <a:latin typeface="+mj-lt"/>
              </a:rPr>
              <a:t>DME Pharmacy</a:t>
            </a:r>
          </a:p>
        </p:txBody>
      </p:sp>
      <p:cxnSp>
        <p:nvCxnSpPr>
          <p:cNvPr id="21" name="Straight Arrow Connector 20"/>
          <p:cNvCxnSpPr/>
          <p:nvPr/>
        </p:nvCxnSpPr>
        <p:spPr>
          <a:xfrm>
            <a:off x="5810983" y="2734499"/>
            <a:ext cx="15490" cy="70810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/>
          <p:cNvSpPr txBox="1"/>
          <p:nvPr/>
        </p:nvSpPr>
        <p:spPr>
          <a:xfrm>
            <a:off x="5362997" y="3426503"/>
            <a:ext cx="141299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accent1"/>
                </a:solidFill>
                <a:latin typeface="+mj-lt"/>
              </a:rPr>
              <a:t>Local Pharmacy</a:t>
            </a:r>
          </a:p>
        </p:txBody>
      </p:sp>
      <p:sp>
        <p:nvSpPr>
          <p:cNvPr id="24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2620787" y="3571150"/>
            <a:ext cx="1707041" cy="74702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100" dirty="0"/>
              <a:t>Approved, pharmacy calls </a:t>
            </a:r>
            <a:r>
              <a:rPr lang="en-US" sz="1100" dirty="0" err="1"/>
              <a:t>pt</a:t>
            </a:r>
            <a:r>
              <a:rPr lang="en-US" sz="1100" dirty="0"/>
              <a:t> about pricing and </a:t>
            </a:r>
            <a:r>
              <a:rPr lang="en-US" sz="1100" dirty="0" err="1"/>
              <a:t>pt</a:t>
            </a:r>
            <a:r>
              <a:rPr lang="en-US" sz="1100" dirty="0"/>
              <a:t> picks up sensors and transmitter</a:t>
            </a:r>
          </a:p>
        </p:txBody>
      </p:sp>
      <p:cxnSp>
        <p:nvCxnSpPr>
          <p:cNvPr id="26" name="Elbow Connector 25"/>
          <p:cNvCxnSpPr/>
          <p:nvPr/>
        </p:nvCxnSpPr>
        <p:spPr>
          <a:xfrm rot="10800000" flipV="1">
            <a:off x="4327829" y="3612860"/>
            <a:ext cx="1722867" cy="269321"/>
          </a:xfrm>
          <a:prstGeom prst="bentConnector3">
            <a:avLst>
              <a:gd name="adj1" fmla="val 49429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Elbow Connector 44"/>
          <p:cNvCxnSpPr/>
          <p:nvPr/>
        </p:nvCxnSpPr>
        <p:spPr>
          <a:xfrm rot="16200000" flipH="1">
            <a:off x="6372765" y="3299780"/>
            <a:ext cx="250400" cy="914399"/>
          </a:xfrm>
          <a:prstGeom prst="bentConnector2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983896" y="3549613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Denied</a:t>
            </a:r>
          </a:p>
        </p:txBody>
      </p:sp>
      <p:sp>
        <p:nvSpPr>
          <p:cNvPr id="50" name="Rectangle 49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012033" y="4931105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Appeal </a:t>
            </a:r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8581048" y="4931105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Send to DME pharmacy</a:t>
            </a:r>
          </a:p>
        </p:txBody>
      </p:sp>
      <p:cxnSp>
        <p:nvCxnSpPr>
          <p:cNvPr id="53" name="Elbow Connector 52"/>
          <p:cNvCxnSpPr/>
          <p:nvPr/>
        </p:nvCxnSpPr>
        <p:spPr>
          <a:xfrm rot="5400000">
            <a:off x="7238574" y="4397140"/>
            <a:ext cx="617079" cy="466791"/>
          </a:xfrm>
          <a:prstGeom prst="bentConnector3">
            <a:avLst>
              <a:gd name="adj1" fmla="val 32218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Elbow Connector 54"/>
          <p:cNvCxnSpPr>
            <a:stCxn id="50" idx="1"/>
            <a:endCxn id="24" idx="2"/>
          </p:cNvCxnSpPr>
          <p:nvPr/>
        </p:nvCxnSpPr>
        <p:spPr>
          <a:xfrm rot="10800000">
            <a:off x="3474309" y="4318174"/>
            <a:ext cx="2537725" cy="991047"/>
          </a:xfrm>
          <a:prstGeom prst="bentConnector2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Elbow Connector 61"/>
          <p:cNvCxnSpPr/>
          <p:nvPr/>
        </p:nvCxnSpPr>
        <p:spPr>
          <a:xfrm rot="16200000" flipH="1">
            <a:off x="8473742" y="4374790"/>
            <a:ext cx="634469" cy="478162"/>
          </a:xfrm>
          <a:prstGeom prst="bentConnector3">
            <a:avLst>
              <a:gd name="adj1" fmla="val 50000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/>
          <p:cNvCxnSpPr/>
          <p:nvPr/>
        </p:nvCxnSpPr>
        <p:spPr>
          <a:xfrm>
            <a:off x="8320884" y="2016604"/>
            <a:ext cx="615533" cy="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Rectangle 64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8936417" y="1675580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50" dirty="0"/>
              <a:t>Request for notes and insurance information</a:t>
            </a:r>
          </a:p>
        </p:txBody>
      </p:sp>
      <p:cxnSp>
        <p:nvCxnSpPr>
          <p:cNvPr id="66" name="Straight Arrow Connector 65"/>
          <p:cNvCxnSpPr>
            <a:endCxn id="20" idx="2"/>
          </p:cNvCxnSpPr>
          <p:nvPr/>
        </p:nvCxnSpPr>
        <p:spPr>
          <a:xfrm flipH="1" flipV="1">
            <a:off x="7855547" y="2133499"/>
            <a:ext cx="1984264" cy="2805581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1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10252979" y="498358"/>
            <a:ext cx="1707041" cy="74702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100" dirty="0"/>
              <a:t>Approved, pharmacy calls </a:t>
            </a:r>
            <a:r>
              <a:rPr lang="en-US" sz="1100" dirty="0" err="1"/>
              <a:t>pt</a:t>
            </a:r>
            <a:r>
              <a:rPr lang="en-US" sz="1100" dirty="0"/>
              <a:t> about pricing pharmacy sends sensors and transmitter to </a:t>
            </a:r>
            <a:r>
              <a:rPr lang="en-US" sz="1100" dirty="0" err="1"/>
              <a:t>pt</a:t>
            </a:r>
            <a:endParaRPr lang="en-US" sz="1100" dirty="0"/>
          </a:p>
        </p:txBody>
      </p:sp>
      <p:cxnSp>
        <p:nvCxnSpPr>
          <p:cNvPr id="72" name="Elbow Connector 71"/>
          <p:cNvCxnSpPr>
            <a:endCxn id="71" idx="2"/>
          </p:cNvCxnSpPr>
          <p:nvPr/>
        </p:nvCxnSpPr>
        <p:spPr>
          <a:xfrm rot="5400000" flipH="1" flipV="1">
            <a:off x="10569360" y="1380917"/>
            <a:ext cx="672675" cy="401605"/>
          </a:xfrm>
          <a:prstGeom prst="bentConnector3">
            <a:avLst>
              <a:gd name="adj1" fmla="val -5543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Elbow Connector 76"/>
          <p:cNvCxnSpPr>
            <a:endCxn id="79" idx="0"/>
          </p:cNvCxnSpPr>
          <p:nvPr/>
        </p:nvCxnSpPr>
        <p:spPr>
          <a:xfrm rot="16200000" flipH="1">
            <a:off x="10539136" y="2090381"/>
            <a:ext cx="824306" cy="479654"/>
          </a:xfrm>
          <a:prstGeom prst="bentConnector3">
            <a:avLst>
              <a:gd name="adj1" fmla="val 4674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9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10337595" y="2742361"/>
            <a:ext cx="1707041" cy="74702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100" dirty="0"/>
              <a:t>Denied</a:t>
            </a:r>
          </a:p>
        </p:txBody>
      </p:sp>
      <p:sp>
        <p:nvSpPr>
          <p:cNvPr id="39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3495" y="1911890"/>
            <a:ext cx="1557337" cy="1347020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>
            <a:normAutofit fontScale="62500" lnSpcReduction="20000"/>
          </a:bodyPr>
          <a:lstStyle/>
          <a:p>
            <a:pPr marL="0" indent="0" algn="ctr">
              <a:buNone/>
            </a:pPr>
            <a:endParaRPr lang="en-US" sz="1400" dirty="0"/>
          </a:p>
          <a:p>
            <a:pPr marL="0" indent="0" algn="ctr">
              <a:buNone/>
            </a:pPr>
            <a:r>
              <a:rPr lang="en-US" sz="1900" b="1" dirty="0"/>
              <a:t>In person or </a:t>
            </a:r>
            <a:r>
              <a:rPr lang="en-US" sz="1900" b="1" dirty="0" err="1"/>
              <a:t>telemed</a:t>
            </a:r>
            <a:r>
              <a:rPr lang="en-US" sz="1900" b="1" dirty="0"/>
              <a:t>?</a:t>
            </a:r>
          </a:p>
          <a:p>
            <a:pPr marL="0" indent="0" algn="ctr">
              <a:buNone/>
            </a:pPr>
            <a:endParaRPr lang="en-US" sz="1400" dirty="0"/>
          </a:p>
        </p:txBody>
      </p:sp>
      <p:cxnSp>
        <p:nvCxnSpPr>
          <p:cNvPr id="43" name="Straight Arrow Connector 42"/>
          <p:cNvCxnSpPr/>
          <p:nvPr/>
        </p:nvCxnSpPr>
        <p:spPr>
          <a:xfrm>
            <a:off x="1042163" y="3255766"/>
            <a:ext cx="0" cy="467235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/>
          <p:cNvSpPr txBox="1"/>
          <p:nvPr/>
        </p:nvSpPr>
        <p:spPr>
          <a:xfrm>
            <a:off x="1070895" y="3288004"/>
            <a:ext cx="10618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TELEMED</a:t>
            </a:r>
          </a:p>
        </p:txBody>
      </p:sp>
      <p:cxnSp>
        <p:nvCxnSpPr>
          <p:cNvPr id="46" name="Straight Arrow Connector 45"/>
          <p:cNvCxnSpPr>
            <a:endCxn id="11" idx="1"/>
          </p:cNvCxnSpPr>
          <p:nvPr/>
        </p:nvCxnSpPr>
        <p:spPr>
          <a:xfrm flipV="1">
            <a:off x="1822768" y="2042711"/>
            <a:ext cx="1113175" cy="51519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TextBox 46"/>
          <p:cNvSpPr txBox="1"/>
          <p:nvPr/>
        </p:nvSpPr>
        <p:spPr>
          <a:xfrm>
            <a:off x="1614485" y="2025777"/>
            <a:ext cx="10618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IN PERSON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259275" y="3728384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Schedule in-person visit with one of the nurses</a:t>
            </a:r>
          </a:p>
        </p:txBody>
      </p:sp>
      <p:cxnSp>
        <p:nvCxnSpPr>
          <p:cNvPr id="52" name="Straight Arrow Connector 51"/>
          <p:cNvCxnSpPr>
            <a:endCxn id="11" idx="2"/>
          </p:cNvCxnSpPr>
          <p:nvPr/>
        </p:nvCxnSpPr>
        <p:spPr>
          <a:xfrm flipV="1">
            <a:off x="2024177" y="2420825"/>
            <a:ext cx="1796004" cy="1330419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Explosion 1 63">
            <a:extLst>
              <a:ext uri="{FF2B5EF4-FFF2-40B4-BE49-F238E27FC236}">
                <a16:creationId xmlns:a16="http://schemas.microsoft.com/office/drawing/2014/main" id="{38537995-AEBB-448C-8F9D-F867BDC2FC1D}"/>
              </a:ext>
            </a:extLst>
          </p:cNvPr>
          <p:cNvSpPr/>
          <p:nvPr/>
        </p:nvSpPr>
        <p:spPr>
          <a:xfrm>
            <a:off x="8582135" y="3442248"/>
            <a:ext cx="369326" cy="331912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608833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pen</a:t>
            </a:r>
            <a:r>
              <a:rPr lang="en-US" dirty="0"/>
              <a:t> Proces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31, 2023</a:t>
            </a:fld>
            <a:endParaRPr lang="en-US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sp>
        <p:nvSpPr>
          <p:cNvPr id="8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63617" y="1673802"/>
            <a:ext cx="1707041" cy="74702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Discuss in OV or </a:t>
            </a:r>
            <a:r>
              <a:rPr lang="en-US" sz="1200" dirty="0" err="1"/>
              <a:t>pt</a:t>
            </a:r>
            <a:r>
              <a:rPr lang="en-US" sz="1200" dirty="0"/>
              <a:t> initiated</a:t>
            </a:r>
          </a:p>
        </p:txBody>
      </p:sp>
      <p:cxnSp>
        <p:nvCxnSpPr>
          <p:cNvPr id="6" name="Straight Arrow Connector 5"/>
          <p:cNvCxnSpPr/>
          <p:nvPr/>
        </p:nvCxnSpPr>
        <p:spPr>
          <a:xfrm flipV="1">
            <a:off x="1770658" y="2045110"/>
            <a:ext cx="520258" cy="220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Rectangle 8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4556951" y="1589679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Send email to Medtronic rep with OV notes</a:t>
            </a:r>
          </a:p>
        </p:txBody>
      </p:sp>
      <p:cxnSp>
        <p:nvCxnSpPr>
          <p:cNvPr id="10" name="Straight Arrow Connector 9"/>
          <p:cNvCxnSpPr/>
          <p:nvPr/>
        </p:nvCxnSpPr>
        <p:spPr>
          <a:xfrm flipV="1">
            <a:off x="4059391" y="2012701"/>
            <a:ext cx="520258" cy="220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01E8B790-74BC-40CB-B43D-330BB7F7DA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818531" y="1166137"/>
            <a:ext cx="1557337" cy="1347020"/>
          </a:xfrm>
          <a:prstGeom prst="diamond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>
            <a:normAutofit fontScale="70000" lnSpcReduction="20000"/>
          </a:bodyPr>
          <a:lstStyle/>
          <a:p>
            <a:pPr marL="0" indent="0" algn="ctr">
              <a:buNone/>
            </a:pPr>
            <a:endParaRPr lang="en-US" sz="1400" dirty="0"/>
          </a:p>
          <a:p>
            <a:pPr marL="0" indent="0" algn="ctr">
              <a:buNone/>
            </a:pPr>
            <a:r>
              <a:rPr lang="en-US" sz="1900" b="1" dirty="0"/>
              <a:t>Does </a:t>
            </a:r>
            <a:r>
              <a:rPr lang="en-US" sz="1900" b="1" dirty="0" err="1"/>
              <a:t>pt</a:t>
            </a:r>
            <a:r>
              <a:rPr lang="en-US" sz="1900" b="1" dirty="0"/>
              <a:t> need labs?</a:t>
            </a:r>
          </a:p>
          <a:p>
            <a:pPr marL="0" indent="0" algn="ctr">
              <a:buNone/>
            </a:pPr>
            <a:endParaRPr lang="en-US" sz="1400" dirty="0"/>
          </a:p>
        </p:txBody>
      </p:sp>
      <p:cxnSp>
        <p:nvCxnSpPr>
          <p:cNvPr id="13" name="Straight Arrow Connector 12"/>
          <p:cNvCxnSpPr/>
          <p:nvPr/>
        </p:nvCxnSpPr>
        <p:spPr>
          <a:xfrm flipV="1">
            <a:off x="6347860" y="1871933"/>
            <a:ext cx="520258" cy="220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/>
          <p:cNvCxnSpPr>
            <a:endCxn id="23" idx="3"/>
          </p:cNvCxnSpPr>
          <p:nvPr/>
        </p:nvCxnSpPr>
        <p:spPr>
          <a:xfrm flipH="1">
            <a:off x="6475427" y="2513157"/>
            <a:ext cx="1121772" cy="1064749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8417567" y="1589679"/>
            <a:ext cx="54295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YES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6960988" y="2640099"/>
            <a:ext cx="54295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NO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8960524" y="1457785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Pt gets labs at facility associated with their insurance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4706952" y="3199791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Script sent to pharmacy for </a:t>
            </a:r>
            <a:r>
              <a:rPr lang="en-US" sz="1000" dirty="0" err="1"/>
              <a:t>inpen</a:t>
            </a:r>
            <a:r>
              <a:rPr lang="en-US" sz="1000" dirty="0"/>
              <a:t> device and cartridges</a:t>
            </a:r>
          </a:p>
        </p:txBody>
      </p:sp>
      <p:cxnSp>
        <p:nvCxnSpPr>
          <p:cNvPr id="24" name="Straight Arrow Connector 23"/>
          <p:cNvCxnSpPr>
            <a:stCxn id="73" idx="2"/>
          </p:cNvCxnSpPr>
          <p:nvPr/>
        </p:nvCxnSpPr>
        <p:spPr>
          <a:xfrm>
            <a:off x="3434943" y="4865432"/>
            <a:ext cx="1764832" cy="876153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Elbow Connector 29"/>
          <p:cNvCxnSpPr>
            <a:stCxn id="23" idx="2"/>
          </p:cNvCxnSpPr>
          <p:nvPr/>
        </p:nvCxnSpPr>
        <p:spPr>
          <a:xfrm rot="5400000">
            <a:off x="4557541" y="3488447"/>
            <a:ext cx="566076" cy="1501223"/>
          </a:xfrm>
          <a:prstGeom prst="bentConnector2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Box 32"/>
          <p:cNvSpPr txBox="1"/>
          <p:nvPr/>
        </p:nvSpPr>
        <p:spPr>
          <a:xfrm>
            <a:off x="4521554" y="4255417"/>
            <a:ext cx="10913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Approved</a:t>
            </a:r>
          </a:p>
        </p:txBody>
      </p:sp>
      <p:cxnSp>
        <p:nvCxnSpPr>
          <p:cNvPr id="34" name="Elbow Connector 33"/>
          <p:cNvCxnSpPr>
            <a:stCxn id="23" idx="2"/>
          </p:cNvCxnSpPr>
          <p:nvPr/>
        </p:nvCxnSpPr>
        <p:spPr>
          <a:xfrm rot="16200000" flipH="1">
            <a:off x="5993050" y="3554159"/>
            <a:ext cx="566079" cy="1369799"/>
          </a:xfrm>
          <a:prstGeom prst="bentConnector2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/>
          <p:cNvSpPr txBox="1"/>
          <p:nvPr/>
        </p:nvSpPr>
        <p:spPr>
          <a:xfrm>
            <a:off x="5802047" y="4269957"/>
            <a:ext cx="10913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accent1"/>
                </a:solidFill>
                <a:latin typeface="+mj-lt"/>
              </a:rPr>
              <a:t>Denied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960988" y="4220862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Denial sent to office, office sends denial letter to rep. Provider orders </a:t>
            </a:r>
            <a:r>
              <a:rPr lang="en-US" sz="1000" dirty="0" err="1"/>
              <a:t>inpen</a:t>
            </a:r>
            <a:r>
              <a:rPr lang="en-US" sz="1000" dirty="0"/>
              <a:t> to Medtronic </a:t>
            </a:r>
            <a:r>
              <a:rPr lang="en-US" sz="1000" dirty="0" err="1"/>
              <a:t>speciality</a:t>
            </a:r>
            <a:r>
              <a:rPr lang="en-US" sz="1000" dirty="0"/>
              <a:t> pharmacy</a:t>
            </a:r>
          </a:p>
        </p:txBody>
      </p:sp>
      <p:cxnSp>
        <p:nvCxnSpPr>
          <p:cNvPr id="44" name="Straight Arrow Connector 43"/>
          <p:cNvCxnSpPr/>
          <p:nvPr/>
        </p:nvCxnSpPr>
        <p:spPr>
          <a:xfrm flipV="1">
            <a:off x="8788023" y="4660535"/>
            <a:ext cx="557122" cy="38425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2279567" y="1632382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Provider send </a:t>
            </a:r>
            <a:r>
              <a:rPr lang="en-US" sz="1000" dirty="0" err="1"/>
              <a:t>rx</a:t>
            </a:r>
            <a:r>
              <a:rPr lang="en-US" sz="1000" dirty="0"/>
              <a:t> to pharmacy</a:t>
            </a:r>
          </a:p>
        </p:txBody>
      </p:sp>
      <p:cxnSp>
        <p:nvCxnSpPr>
          <p:cNvPr id="28" name="Straight Arrow Connector 27"/>
          <p:cNvCxnSpPr>
            <a:endCxn id="19" idx="1"/>
          </p:cNvCxnSpPr>
          <p:nvPr/>
        </p:nvCxnSpPr>
        <p:spPr>
          <a:xfrm flipV="1">
            <a:off x="8361864" y="1835900"/>
            <a:ext cx="598660" cy="20679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Explosion 1 63">
            <a:extLst>
              <a:ext uri="{FF2B5EF4-FFF2-40B4-BE49-F238E27FC236}">
                <a16:creationId xmlns:a16="http://schemas.microsoft.com/office/drawing/2014/main" id="{38537995-AEBB-448C-8F9D-F867BDC2FC1D}"/>
              </a:ext>
            </a:extLst>
          </p:cNvPr>
          <p:cNvSpPr/>
          <p:nvPr/>
        </p:nvSpPr>
        <p:spPr>
          <a:xfrm>
            <a:off x="6466464" y="4185642"/>
            <a:ext cx="341847" cy="373633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cxnSp>
        <p:nvCxnSpPr>
          <p:cNvPr id="35" name="Straight Arrow Connector 34"/>
          <p:cNvCxnSpPr/>
          <p:nvPr/>
        </p:nvCxnSpPr>
        <p:spPr>
          <a:xfrm flipH="1">
            <a:off x="5929902" y="4520180"/>
            <a:ext cx="183426" cy="474337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ectangle 38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5184039" y="5007737"/>
            <a:ext cx="975950" cy="336637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Insulin cartridges</a:t>
            </a: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297346" y="4977902"/>
            <a:ext cx="691590" cy="40940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 err="1"/>
              <a:t>Inpen</a:t>
            </a:r>
            <a:r>
              <a:rPr lang="en-US" sz="1000" dirty="0"/>
              <a:t> device</a:t>
            </a:r>
          </a:p>
        </p:txBody>
      </p:sp>
      <p:cxnSp>
        <p:nvCxnSpPr>
          <p:cNvPr id="42" name="Straight Arrow Connector 41"/>
          <p:cNvCxnSpPr/>
          <p:nvPr/>
        </p:nvCxnSpPr>
        <p:spPr>
          <a:xfrm>
            <a:off x="6459515" y="4535876"/>
            <a:ext cx="170104" cy="458641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/>
          <p:cNvCxnSpPr/>
          <p:nvPr/>
        </p:nvCxnSpPr>
        <p:spPr>
          <a:xfrm>
            <a:off x="5943603" y="5344374"/>
            <a:ext cx="707485" cy="64186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389999" y="5985040"/>
            <a:ext cx="455227" cy="0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Rectangle 49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6662746" y="5737168"/>
            <a:ext cx="727253" cy="462515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Appeal</a:t>
            </a:r>
          </a:p>
        </p:txBody>
      </p:sp>
      <p:cxnSp>
        <p:nvCxnSpPr>
          <p:cNvPr id="52" name="Straight Arrow Connector 51"/>
          <p:cNvCxnSpPr/>
          <p:nvPr/>
        </p:nvCxnSpPr>
        <p:spPr>
          <a:xfrm flipV="1">
            <a:off x="7049220" y="5280475"/>
            <a:ext cx="845520" cy="455072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Rectangle 55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7845226" y="5753782"/>
            <a:ext cx="727253" cy="462515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Approved</a:t>
            </a:r>
          </a:p>
        </p:txBody>
      </p:sp>
      <p:cxnSp>
        <p:nvCxnSpPr>
          <p:cNvPr id="65" name="Elbow Connector 64"/>
          <p:cNvCxnSpPr/>
          <p:nvPr/>
        </p:nvCxnSpPr>
        <p:spPr>
          <a:xfrm rot="10800000" flipV="1">
            <a:off x="6130537" y="6261406"/>
            <a:ext cx="2083812" cy="188228"/>
          </a:xfrm>
          <a:prstGeom prst="bentConnector3">
            <a:avLst>
              <a:gd name="adj1" fmla="val 457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1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7894740" y="5078111"/>
            <a:ext cx="858078" cy="429873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Denied</a:t>
            </a:r>
          </a:p>
        </p:txBody>
      </p:sp>
      <p:sp>
        <p:nvSpPr>
          <p:cNvPr id="72" name="Rounded Rectangle 8">
            <a:extLst>
              <a:ext uri="{FF2B5EF4-FFF2-40B4-BE49-F238E27FC236}">
                <a16:creationId xmlns:a16="http://schemas.microsoft.com/office/drawing/2014/main" id="{CA1C6B23-0AB1-4C69-86A9-64E21B431A9A}"/>
              </a:ext>
            </a:extLst>
          </p:cNvPr>
          <p:cNvSpPr/>
          <p:nvPr/>
        </p:nvSpPr>
        <p:spPr>
          <a:xfrm>
            <a:off x="4317752" y="5753782"/>
            <a:ext cx="1840253" cy="954625"/>
          </a:xfrm>
          <a:prstGeom prst="roundRect">
            <a:avLst/>
          </a:prstGeom>
          <a:ln w="38100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Medtronic rep will contact </a:t>
            </a:r>
            <a:r>
              <a:rPr lang="en-US" sz="1200" dirty="0" err="1"/>
              <a:t>pt</a:t>
            </a:r>
            <a:r>
              <a:rPr lang="en-US" sz="1200" dirty="0"/>
              <a:t> on </a:t>
            </a:r>
            <a:r>
              <a:rPr lang="en-US" sz="1200" dirty="0" err="1"/>
              <a:t>inPen</a:t>
            </a:r>
            <a:r>
              <a:rPr lang="en-US" sz="1200" dirty="0"/>
              <a:t>, provides them with supplies, and helps them set up the app</a:t>
            </a:r>
          </a:p>
        </p:txBody>
      </p:sp>
      <p:sp>
        <p:nvSpPr>
          <p:cNvPr id="73" name="Rectangle 72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2775096" y="4203373"/>
            <a:ext cx="1319693" cy="66205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Approved, </a:t>
            </a:r>
            <a:r>
              <a:rPr lang="en-US" sz="1000" dirty="0" err="1"/>
              <a:t>pt</a:t>
            </a:r>
            <a:r>
              <a:rPr lang="en-US" sz="1000" dirty="0"/>
              <a:t> starts using </a:t>
            </a:r>
            <a:r>
              <a:rPr lang="en-US" sz="1000" dirty="0" err="1"/>
              <a:t>inpen</a:t>
            </a:r>
            <a:endParaRPr lang="en-US" sz="1000" dirty="0"/>
          </a:p>
        </p:txBody>
      </p:sp>
      <p:cxnSp>
        <p:nvCxnSpPr>
          <p:cNvPr id="75" name="Straight Arrow Connector 74"/>
          <p:cNvCxnSpPr/>
          <p:nvPr/>
        </p:nvCxnSpPr>
        <p:spPr>
          <a:xfrm flipV="1">
            <a:off x="7004831" y="4949973"/>
            <a:ext cx="889909" cy="208017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Rectangle 44">
            <a:extLst>
              <a:ext uri="{FF2B5EF4-FFF2-40B4-BE49-F238E27FC236}">
                <a16:creationId xmlns:a16="http://schemas.microsoft.com/office/drawing/2014/main" id="{E604F8EE-89FF-4767-A749-A081C8F2DF02}"/>
              </a:ext>
            </a:extLst>
          </p:cNvPr>
          <p:cNvSpPr/>
          <p:nvPr/>
        </p:nvSpPr>
        <p:spPr>
          <a:xfrm>
            <a:off x="9345145" y="4269957"/>
            <a:ext cx="1768475" cy="756229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000" dirty="0"/>
              <a:t>Approved, </a:t>
            </a:r>
            <a:r>
              <a:rPr lang="en-US" sz="1000" dirty="0" err="1"/>
              <a:t>pt</a:t>
            </a:r>
            <a:r>
              <a:rPr lang="en-US" sz="1000" dirty="0"/>
              <a:t> will receive </a:t>
            </a:r>
            <a:r>
              <a:rPr lang="en-US" sz="1000" dirty="0" err="1"/>
              <a:t>inpen</a:t>
            </a:r>
            <a:endParaRPr lang="en-US" sz="1000" dirty="0"/>
          </a:p>
        </p:txBody>
      </p:sp>
      <p:cxnSp>
        <p:nvCxnSpPr>
          <p:cNvPr id="47" name="Elbow Connector 46"/>
          <p:cNvCxnSpPr/>
          <p:nvPr/>
        </p:nvCxnSpPr>
        <p:spPr>
          <a:xfrm rot="10800000" flipV="1">
            <a:off x="8214349" y="5059847"/>
            <a:ext cx="2077118" cy="1379622"/>
          </a:xfrm>
          <a:prstGeom prst="bentConnector3">
            <a:avLst>
              <a:gd name="adj1" fmla="val 197"/>
            </a:avLst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>
            <a:endCxn id="23" idx="3"/>
          </p:cNvCxnSpPr>
          <p:nvPr/>
        </p:nvCxnSpPr>
        <p:spPr>
          <a:xfrm flipH="1">
            <a:off x="6475427" y="2229742"/>
            <a:ext cx="3369334" cy="1348164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3998266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9A8A0F0-973D-DF40-893B-7E79CDC675B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33C569F0-C586-7242-AA84-18137DD81364}" type="datetime4">
              <a:rPr lang="en-US" smtClean="0"/>
              <a:pPr/>
              <a:t>May 31, 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014FF7-8CF4-474E-BE16-8C37F288AA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DC00F76-A9D2-234B-AF7A-A63A510089B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>
            <a:normAutofit fontScale="40000" lnSpcReduction="2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573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_Penn Medicines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15524070018830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Penn Medicine Blank Template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8115524070002691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1552406998611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A23AE2C-A190-4174-B097-9D9955B5C0C6}">
  <ds:schemaRefs/>
</ds:datastoreItem>
</file>

<file path=customXml/itemProps2.xml><?xml version="1.0" encoding="utf-8"?>
<ds:datastoreItem xmlns:ds="http://schemas.openxmlformats.org/officeDocument/2006/customXml" ds:itemID="{E08E1AA8-79EB-4246-A80D-4D5CC9ABC286}">
  <ds:schemaRefs/>
</ds:datastoreItem>
</file>

<file path=customXml/itemProps3.xml><?xml version="1.0" encoding="utf-8"?>
<ds:datastoreItem xmlns:ds="http://schemas.openxmlformats.org/officeDocument/2006/customXml" ds:itemID="{B7CA58D8-1826-4562-AF23-DF01716946CF}">
  <ds:schemaRefs/>
</ds:datastoreItem>
</file>

<file path=customXml/itemProps4.xml><?xml version="1.0" encoding="utf-8"?>
<ds:datastoreItem xmlns:ds="http://schemas.openxmlformats.org/officeDocument/2006/customXml" ds:itemID="{C72EB7EF-9E3C-4759-9E51-AF463BCACFD2}">
  <ds:schemaRefs/>
</ds:datastoreItem>
</file>

<file path=customXml/itemProps5.xml><?xml version="1.0" encoding="utf-8"?>
<ds:datastoreItem xmlns:ds="http://schemas.openxmlformats.org/officeDocument/2006/customXml" ds:itemID="{CF3A280D-31F7-4D1A-9C65-3DFA1A3139FA}">
  <ds:schemaRefs/>
</ds:datastoreItem>
</file>

<file path=customXml/itemProps6.xml><?xml version="1.0" encoding="utf-8"?>
<ds:datastoreItem xmlns:ds="http://schemas.openxmlformats.org/officeDocument/2006/customXml" ds:itemID="{6D531150-7ABE-4F2C-AC78-16776E28B044}">
  <ds:schemaRefs/>
</ds:datastoreItem>
</file>

<file path=customXml/itemProps7.xml><?xml version="1.0" encoding="utf-8"?>
<ds:datastoreItem xmlns:ds="http://schemas.openxmlformats.org/officeDocument/2006/customXml" ds:itemID="{039BB34A-A4F8-4612-B09F-6434D861CD94}">
  <ds:schemaRefs/>
</ds:datastoreItem>
</file>

<file path=customXml/itemProps8.xml><?xml version="1.0" encoding="utf-8"?>
<ds:datastoreItem xmlns:ds="http://schemas.openxmlformats.org/officeDocument/2006/customXml" ds:itemID="{540EABED-0E18-4D33-B14A-E4601C21B29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695</TotalTime>
  <Words>594</Words>
  <Application>Microsoft Office PowerPoint</Application>
  <PresentationFormat>Widescreen</PresentationFormat>
  <Paragraphs>112</Paragraphs>
  <Slides>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0" baseType="lpstr">
      <vt:lpstr>Arial</vt:lpstr>
      <vt:lpstr>Calibri</vt:lpstr>
      <vt:lpstr>Calibri Light</vt:lpstr>
      <vt:lpstr>Courier New</vt:lpstr>
      <vt:lpstr>Office Theme</vt:lpstr>
      <vt:lpstr>Pump, CGM and Inpen Onboarding Process Maps</vt:lpstr>
      <vt:lpstr>PowerPoint Presentation</vt:lpstr>
      <vt:lpstr>CGM Process </vt:lpstr>
      <vt:lpstr>Inpen Proces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Huw Nicholls</dc:creator>
  <cp:lastModifiedBy>Trevon Wright</cp:lastModifiedBy>
  <cp:revision>130</cp:revision>
  <cp:lastPrinted>2023-04-19T15:44:54Z</cp:lastPrinted>
  <dcterms:created xsi:type="dcterms:W3CDTF">2023-03-27T14:45:08Z</dcterms:created>
  <dcterms:modified xsi:type="dcterms:W3CDTF">2023-05-31T16:01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09T15:13:27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638115524057840357</vt:lpwstr>
  </property>
  <property fmtid="{D5CDD505-2E9C-101B-9397-08002B2CF9AE}" pid="5" name="TemplafyUserProfileId">
    <vt:lpwstr>638106829783239231</vt:lpwstr>
  </property>
  <property fmtid="{D5CDD505-2E9C-101B-9397-08002B2CF9AE}" pid="6" name="TemplafyFromBlank">
    <vt:bool>true</vt:bool>
  </property>
</Properties>
</file>